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1_企画グループ\03_地域医療構想／保健医療計画\06_事業（サルビア／さくらネット・横須賀アライアンス／再整備事業など）\05_病棟等転換準備経費支援事業費補助\02_要綱・申請手引き\別に定める様式\R8\"/>
    </mc:Choice>
  </mc:AlternateContent>
  <xr:revisionPtr revIDLastSave="0" documentId="13_ncr:1_{87711B70-4BA5-4247-B0C4-DCAA268AA41F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様式１別紙１" sheetId="15" r:id="rId1"/>
  </sheets>
  <externalReferences>
    <externalReference r:id="rId2"/>
  </externalReferences>
  <definedNames>
    <definedName name="_xlnm.Print_Area" localSheetId="0">様式１別紙１!$A$1:$L$44</definedName>
    <definedName name="事業分類">[1]事業分類・区分!$B$2:$H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12" i="15" l="1"/>
  <c r="E21" i="15" l="1"/>
</calcChain>
</file>

<file path=xl/sharedStrings.xml><?xml version="1.0" encoding="utf-8"?>
<sst xmlns="http://schemas.openxmlformats.org/spreadsheetml/2006/main" count="61" uniqueCount="53">
  <si>
    <t>１</t>
    <phoneticPr fontId="1"/>
  </si>
  <si>
    <t>施設名等</t>
    <rPh sb="0" eb="2">
      <t>シセツ</t>
    </rPh>
    <rPh sb="2" eb="3">
      <t>メイ</t>
    </rPh>
    <rPh sb="3" eb="4">
      <t>トウ</t>
    </rPh>
    <phoneticPr fontId="1"/>
  </si>
  <si>
    <t>２</t>
    <phoneticPr fontId="1"/>
  </si>
  <si>
    <t>実施概要（予定）</t>
    <rPh sb="0" eb="2">
      <t>ジッシ</t>
    </rPh>
    <rPh sb="2" eb="4">
      <t>ガイヨウ</t>
    </rPh>
    <rPh sb="5" eb="7">
      <t>ヨテイ</t>
    </rPh>
    <phoneticPr fontId="1"/>
  </si>
  <si>
    <t>(1)</t>
  </si>
  <si>
    <t>内訳</t>
    <rPh sb="0" eb="2">
      <t>ウチワケ</t>
    </rPh>
    <phoneticPr fontId="1"/>
  </si>
  <si>
    <t>一般</t>
    <rPh sb="0" eb="2">
      <t>イッパン</t>
    </rPh>
    <phoneticPr fontId="1"/>
  </si>
  <si>
    <t>療養</t>
    <rPh sb="0" eb="2">
      <t>リョウヨウ</t>
    </rPh>
    <phoneticPr fontId="1"/>
  </si>
  <si>
    <t>(2)</t>
    <phoneticPr fontId="1"/>
  </si>
  <si>
    <t>補助対象病棟（床）</t>
    <rPh sb="0" eb="2">
      <t>ホジョ</t>
    </rPh>
    <rPh sb="2" eb="4">
      <t>タイショウ</t>
    </rPh>
    <rPh sb="4" eb="6">
      <t>ビョウトウ</t>
    </rPh>
    <rPh sb="7" eb="8">
      <t>ショウ</t>
    </rPh>
    <phoneticPr fontId="1"/>
  </si>
  <si>
    <t>名</t>
    <rPh sb="0" eb="1">
      <t>メイ</t>
    </rPh>
    <phoneticPr fontId="1"/>
  </si>
  <si>
    <t>看護師</t>
    <rPh sb="0" eb="3">
      <t>カンゴシ</t>
    </rPh>
    <phoneticPr fontId="1"/>
  </si>
  <si>
    <t>准看護師</t>
    <rPh sb="0" eb="4">
      <t>ジュンカンゴシ</t>
    </rPh>
    <phoneticPr fontId="1"/>
  </si>
  <si>
    <t>看護助手</t>
    <rPh sb="0" eb="2">
      <t>カンゴ</t>
    </rPh>
    <rPh sb="2" eb="4">
      <t>ジョシュ</t>
    </rPh>
    <phoneticPr fontId="1"/>
  </si>
  <si>
    <t>②訓練の期間</t>
    <rPh sb="1" eb="3">
      <t>クンレン</t>
    </rPh>
    <rPh sb="4" eb="6">
      <t>キカン</t>
    </rPh>
    <phoneticPr fontId="1"/>
  </si>
  <si>
    <t>　　令和　年　月　から　令和　年　月　まで</t>
    <rPh sb="2" eb="4">
      <t>レイワ</t>
    </rPh>
    <rPh sb="5" eb="6">
      <t>ネン</t>
    </rPh>
    <rPh sb="7" eb="8">
      <t>ガツ</t>
    </rPh>
    <rPh sb="12" eb="14">
      <t>レイワ</t>
    </rPh>
    <rPh sb="15" eb="16">
      <t>ネン</t>
    </rPh>
    <rPh sb="17" eb="18">
      <t>ガツ</t>
    </rPh>
    <phoneticPr fontId="1"/>
  </si>
  <si>
    <t>③訓練の目的</t>
    <rPh sb="1" eb="3">
      <t>クンレン</t>
    </rPh>
    <rPh sb="4" eb="6">
      <t>モクテキ</t>
    </rPh>
    <phoneticPr fontId="1"/>
  </si>
  <si>
    <t>④訓練の場所
　及び形態</t>
    <rPh sb="1" eb="3">
      <t>クンレン</t>
    </rPh>
    <rPh sb="4" eb="6">
      <t>バショ</t>
    </rPh>
    <rPh sb="8" eb="9">
      <t>オヨ</t>
    </rPh>
    <rPh sb="10" eb="12">
      <t>ケイタイ</t>
    </rPh>
    <phoneticPr fontId="1"/>
  </si>
  <si>
    <t>②募集する期間</t>
    <rPh sb="1" eb="3">
      <t>ボシュウ</t>
    </rPh>
    <rPh sb="5" eb="7">
      <t>キカン</t>
    </rPh>
    <phoneticPr fontId="1"/>
  </si>
  <si>
    <t>③募集の方法</t>
    <rPh sb="1" eb="3">
      <t>ボシュウ</t>
    </rPh>
    <rPh sb="4" eb="6">
      <t>ホウホウ</t>
    </rPh>
    <phoneticPr fontId="1"/>
  </si>
  <si>
    <t>④病棟整備に係る
　広報の実施の有無</t>
    <rPh sb="1" eb="3">
      <t>ビョウトウ</t>
    </rPh>
    <rPh sb="3" eb="5">
      <t>セイビ</t>
    </rPh>
    <rPh sb="6" eb="7">
      <t>カカ</t>
    </rPh>
    <rPh sb="10" eb="12">
      <t>コウホウ</t>
    </rPh>
    <rPh sb="13" eb="15">
      <t>ジッシ</t>
    </rPh>
    <rPh sb="16" eb="18">
      <t>ウム</t>
    </rPh>
    <phoneticPr fontId="1"/>
  </si>
  <si>
    <t>有　　・　　無</t>
    <rPh sb="0" eb="1">
      <t>アリ</t>
    </rPh>
    <rPh sb="6" eb="7">
      <t>ナシ</t>
    </rPh>
    <phoneticPr fontId="1"/>
  </si>
  <si>
    <t>事　業　計　画　書</t>
    <rPh sb="0" eb="1">
      <t>コト</t>
    </rPh>
    <rPh sb="2" eb="3">
      <t>ゴウ</t>
    </rPh>
    <rPh sb="4" eb="5">
      <t>ケイ</t>
    </rPh>
    <rPh sb="6" eb="7">
      <t>ガ</t>
    </rPh>
    <rPh sb="8" eb="9">
      <t>ショ</t>
    </rPh>
    <phoneticPr fontId="1"/>
  </si>
  <si>
    <t>床</t>
    <rPh sb="0" eb="1">
      <t>トコ</t>
    </rPh>
    <phoneticPr fontId="1"/>
  </si>
  <si>
    <t>計</t>
    <rPh sb="0" eb="1">
      <t>ケイ</t>
    </rPh>
    <phoneticPr fontId="1"/>
  </si>
  <si>
    <r>
      <t xml:space="preserve">許可病床数
</t>
    </r>
    <r>
      <rPr>
        <sz val="9"/>
        <rFont val="ＭＳ 明朝"/>
        <family val="1"/>
        <charset val="128"/>
      </rPr>
      <t>（精神・その他除く）</t>
    </r>
    <rPh sb="0" eb="2">
      <t>キョカ</t>
    </rPh>
    <rPh sb="2" eb="4">
      <t>ビョウショウ</t>
    </rPh>
    <rPh sb="4" eb="5">
      <t>スウ</t>
    </rPh>
    <rPh sb="7" eb="9">
      <t>セイシン</t>
    </rPh>
    <rPh sb="12" eb="13">
      <t>ホカ</t>
    </rPh>
    <rPh sb="13" eb="14">
      <t>ノゾ</t>
    </rPh>
    <phoneticPr fontId="1"/>
  </si>
  <si>
    <t>様式1別紙１</t>
    <rPh sb="0" eb="2">
      <t>ヨウシキ</t>
    </rPh>
    <rPh sb="3" eb="5">
      <t>ベッシ</t>
    </rPh>
    <phoneticPr fontId="1"/>
  </si>
  <si>
    <t>病床数</t>
    <rPh sb="0" eb="2">
      <t>ビョウショウ</t>
    </rPh>
    <rPh sb="2" eb="3">
      <t>スウ</t>
    </rPh>
    <phoneticPr fontId="1"/>
  </si>
  <si>
    <t>病床機能</t>
    <rPh sb="0" eb="2">
      <t>ビョウショウ</t>
    </rPh>
    <rPh sb="2" eb="4">
      <t>キノウ</t>
    </rPh>
    <phoneticPr fontId="1"/>
  </si>
  <si>
    <t>床</t>
    <rPh sb="0" eb="1">
      <t>ショウ</t>
    </rPh>
    <phoneticPr fontId="1"/>
  </si>
  <si>
    <t>転換前
※</t>
    <rPh sb="0" eb="2">
      <t>テンカン</t>
    </rPh>
    <rPh sb="2" eb="3">
      <t>マエ</t>
    </rPh>
    <phoneticPr fontId="1"/>
  </si>
  <si>
    <t>病床数※</t>
    <rPh sb="0" eb="2">
      <t>ビョウショウ</t>
    </rPh>
    <rPh sb="2" eb="3">
      <t>スウ</t>
    </rPh>
    <phoneticPr fontId="1"/>
  </si>
  <si>
    <t>病床機能※</t>
    <rPh sb="0" eb="2">
      <t>ビョウショウ</t>
    </rPh>
    <rPh sb="2" eb="4">
      <t>キノウ</t>
    </rPh>
    <phoneticPr fontId="1"/>
  </si>
  <si>
    <t>転換後
(新設も含む)</t>
    <rPh sb="0" eb="2">
      <t>テンカン</t>
    </rPh>
    <rPh sb="2" eb="3">
      <t>ゴ</t>
    </rPh>
    <rPh sb="5" eb="7">
      <t>シンセツ</t>
    </rPh>
    <rPh sb="8" eb="9">
      <t>フク</t>
    </rPh>
    <phoneticPr fontId="1"/>
  </si>
  <si>
    <t>※　新設のみの場合は空欄</t>
    <rPh sb="2" eb="4">
      <t>シンセツ</t>
    </rPh>
    <rPh sb="7" eb="9">
      <t>バアイ</t>
    </rPh>
    <rPh sb="10" eb="12">
      <t>クウラン</t>
    </rPh>
    <phoneticPr fontId="1"/>
  </si>
  <si>
    <t>(3)施設基準届出年月日（予定）</t>
    <phoneticPr fontId="1"/>
  </si>
  <si>
    <t>(5)職員の募集に係る経費等</t>
    <phoneticPr fontId="1"/>
  </si>
  <si>
    <t>入院料等</t>
    <rPh sb="0" eb="2">
      <t>ニュウイン</t>
    </rPh>
    <rPh sb="2" eb="3">
      <t>リョウ</t>
    </rPh>
    <rPh sb="3" eb="4">
      <t>ナド</t>
    </rPh>
    <phoneticPr fontId="1"/>
  </si>
  <si>
    <t>(4)訓練期間中の看護職員に係る人件費等</t>
    <phoneticPr fontId="1"/>
  </si>
  <si>
    <t>(1)開設者</t>
    <phoneticPr fontId="1"/>
  </si>
  <si>
    <t>(2)医療機関名</t>
    <phoneticPr fontId="1"/>
  </si>
  <si>
    <t>(3)医療機関所在地</t>
    <phoneticPr fontId="1"/>
  </si>
  <si>
    <t>(6)普及に係る経費等</t>
    <phoneticPr fontId="1"/>
  </si>
  <si>
    <t>①普及を
　行う期間</t>
    <rPh sb="1" eb="3">
      <t>フキュウ</t>
    </rPh>
    <rPh sb="6" eb="7">
      <t>オコナ</t>
    </rPh>
    <rPh sb="8" eb="10">
      <t>キカン</t>
    </rPh>
    <phoneticPr fontId="1"/>
  </si>
  <si>
    <t>②普及の目的</t>
    <rPh sb="1" eb="3">
      <t>フキュウ</t>
    </rPh>
    <rPh sb="4" eb="6">
      <t>モクテキ</t>
    </rPh>
    <phoneticPr fontId="1"/>
  </si>
  <si>
    <t>③普及の方法</t>
    <rPh sb="1" eb="3">
      <t>フキュウ</t>
    </rPh>
    <rPh sb="4" eb="6">
      <t>ホウホウ</t>
    </rPh>
    <phoneticPr fontId="1"/>
  </si>
  <si>
    <t>リハ職</t>
    <rPh sb="2" eb="3">
      <t>ショク</t>
    </rPh>
    <phoneticPr fontId="1"/>
  </si>
  <si>
    <t>名</t>
    <rPh sb="0" eb="1">
      <t>メイ</t>
    </rPh>
    <phoneticPr fontId="1"/>
  </si>
  <si>
    <t>①訓練する職員数
（リハ職は１名まで対象）</t>
    <rPh sb="1" eb="3">
      <t>クンレン</t>
    </rPh>
    <rPh sb="5" eb="7">
      <t>ショクイン</t>
    </rPh>
    <rPh sb="7" eb="8">
      <t>スウ</t>
    </rPh>
    <rPh sb="12" eb="13">
      <t>ショク</t>
    </rPh>
    <rPh sb="15" eb="16">
      <t>メイ</t>
    </rPh>
    <rPh sb="18" eb="20">
      <t>タイショウ</t>
    </rPh>
    <phoneticPr fontId="1"/>
  </si>
  <si>
    <t>　　令和　年　月　日</t>
    <phoneticPr fontId="1"/>
  </si>
  <si>
    <t>入院料等※</t>
    <rPh sb="0" eb="3">
      <t>ニュウインリョウ</t>
    </rPh>
    <rPh sb="3" eb="4">
      <t>ナド</t>
    </rPh>
    <phoneticPr fontId="1"/>
  </si>
  <si>
    <t>①募集する職種
（医師・管理栄養士については１名まで対象）</t>
    <rPh sb="1" eb="3">
      <t>ボシュウ</t>
    </rPh>
    <rPh sb="5" eb="7">
      <t>ショクシュ</t>
    </rPh>
    <rPh sb="9" eb="11">
      <t>イシ</t>
    </rPh>
    <rPh sb="12" eb="17">
      <t>カンリエイヨウシ</t>
    </rPh>
    <rPh sb="23" eb="24">
      <t>メイ</t>
    </rPh>
    <rPh sb="26" eb="28">
      <t>タイショウ</t>
    </rPh>
    <phoneticPr fontId="1"/>
  </si>
  <si>
    <t>医師 ・ 看護職員 ・ 管理栄養士 ・ リハ職（　　　）・ その他（　　　）</t>
    <rPh sb="0" eb="2">
      <t>イシ</t>
    </rPh>
    <rPh sb="5" eb="7">
      <t>カンゴ</t>
    </rPh>
    <rPh sb="7" eb="9">
      <t>ショクイン</t>
    </rPh>
    <rPh sb="12" eb="17">
      <t>カンリエイヨウシ</t>
    </rPh>
    <rPh sb="22" eb="23">
      <t>ショク</t>
    </rPh>
    <rPh sb="32" eb="33">
      <t>タ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明朝"/>
      <family val="1"/>
      <charset val="128"/>
    </font>
    <font>
      <sz val="14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u/>
      <sz val="1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77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</borders>
  <cellStyleXfs count="2">
    <xf numFmtId="0" fontId="0" fillId="0" borderId="0"/>
    <xf numFmtId="38" fontId="3" fillId="0" borderId="0" applyFont="0" applyFill="0" applyBorder="0" applyAlignment="0" applyProtection="0"/>
  </cellStyleXfs>
  <cellXfs count="158">
    <xf numFmtId="0" fontId="0" fillId="0" borderId="0" xfId="0"/>
    <xf numFmtId="0" fontId="2" fillId="0" borderId="0" xfId="0" applyFont="1" applyAlignment="1">
      <alignment vertical="center"/>
    </xf>
    <xf numFmtId="0" fontId="2" fillId="0" borderId="0" xfId="0" applyFont="1" applyAlignment="1">
      <alignment vertical="center" shrinkToFit="1"/>
    </xf>
    <xf numFmtId="0" fontId="2" fillId="0" borderId="0" xfId="0" applyFont="1" applyBorder="1" applyAlignment="1">
      <alignment vertical="center" shrinkToFit="1"/>
    </xf>
    <xf numFmtId="49" fontId="2" fillId="0" borderId="0" xfId="0" applyNumberFormat="1" applyFont="1" applyAlignment="1">
      <alignment horizontal="right" vertical="center"/>
    </xf>
    <xf numFmtId="49" fontId="2" fillId="0" borderId="0" xfId="0" applyNumberFormat="1" applyFont="1" applyAlignment="1">
      <alignment vertical="center"/>
    </xf>
    <xf numFmtId="0" fontId="0" fillId="0" borderId="0" xfId="0" applyAlignment="1">
      <alignment vertical="center"/>
    </xf>
    <xf numFmtId="49" fontId="2" fillId="0" borderId="0" xfId="0" applyNumberFormat="1" applyFont="1" applyAlignment="1">
      <alignment horizontal="center" vertical="center"/>
    </xf>
    <xf numFmtId="0" fontId="4" fillId="0" borderId="0" xfId="0" quotePrefix="1" applyFont="1" applyAlignment="1">
      <alignment vertical="center"/>
    </xf>
    <xf numFmtId="0" fontId="7" fillId="0" borderId="0" xfId="0" applyFont="1" applyAlignment="1">
      <alignment vertical="center"/>
    </xf>
    <xf numFmtId="0" fontId="4" fillId="0" borderId="0" xfId="0" applyFont="1" applyAlignment="1">
      <alignment vertical="center" shrinkToFit="1"/>
    </xf>
    <xf numFmtId="49" fontId="4" fillId="0" borderId="0" xfId="0" quotePrefix="1" applyNumberFormat="1" applyFont="1" applyAlignment="1">
      <alignment horizontal="right" vertical="center"/>
    </xf>
    <xf numFmtId="49" fontId="7" fillId="0" borderId="0" xfId="0" applyNumberFormat="1" applyFont="1" applyAlignment="1">
      <alignment horizontal="right" vertical="center"/>
    </xf>
    <xf numFmtId="0" fontId="2" fillId="3" borderId="14" xfId="0" applyFont="1" applyFill="1" applyBorder="1" applyAlignment="1">
      <alignment horizontal="center" vertical="center"/>
    </xf>
    <xf numFmtId="49" fontId="2" fillId="0" borderId="0" xfId="0" applyNumberFormat="1" applyFont="1" applyAlignment="1">
      <alignment vertical="center"/>
    </xf>
    <xf numFmtId="0" fontId="2" fillId="0" borderId="5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25" xfId="0" applyFont="1" applyBorder="1" applyAlignment="1">
      <alignment horizontal="center" vertical="center"/>
    </xf>
    <xf numFmtId="0" fontId="2" fillId="2" borderId="31" xfId="0" applyFont="1" applyFill="1" applyBorder="1" applyAlignment="1">
      <alignment horizontal="left" vertical="center"/>
    </xf>
    <xf numFmtId="0" fontId="2" fillId="0" borderId="26" xfId="0" applyFont="1" applyBorder="1" applyAlignment="1">
      <alignment vertical="center"/>
    </xf>
    <xf numFmtId="0" fontId="2" fillId="0" borderId="33" xfId="0" applyFont="1" applyBorder="1" applyAlignment="1">
      <alignment vertical="center"/>
    </xf>
    <xf numFmtId="0" fontId="2" fillId="3" borderId="12" xfId="0" applyFont="1" applyFill="1" applyBorder="1" applyAlignment="1">
      <alignment vertical="center"/>
    </xf>
    <xf numFmtId="0" fontId="2" fillId="3" borderId="24" xfId="0" applyFont="1" applyFill="1" applyBorder="1" applyAlignment="1">
      <alignment vertical="center"/>
    </xf>
    <xf numFmtId="0" fontId="2" fillId="0" borderId="14" xfId="0" applyFont="1" applyBorder="1" applyAlignment="1">
      <alignment horizontal="center" vertical="center"/>
    </xf>
    <xf numFmtId="0" fontId="2" fillId="0" borderId="49" xfId="0" applyFont="1" applyBorder="1" applyAlignment="1">
      <alignment vertical="center"/>
    </xf>
    <xf numFmtId="0" fontId="2" fillId="0" borderId="58" xfId="0" applyFont="1" applyBorder="1" applyAlignment="1">
      <alignment horizontal="center" vertical="center"/>
    </xf>
    <xf numFmtId="0" fontId="2" fillId="0" borderId="68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54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76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vertical="center"/>
    </xf>
    <xf numFmtId="0" fontId="2" fillId="2" borderId="69" xfId="0" applyFont="1" applyFill="1" applyBorder="1" applyAlignment="1">
      <alignment horizontal="center" vertical="center"/>
    </xf>
    <xf numFmtId="0" fontId="2" fillId="0" borderId="42" xfId="0" applyFont="1" applyBorder="1" applyAlignment="1">
      <alignment horizontal="center" vertical="center"/>
    </xf>
    <xf numFmtId="0" fontId="2" fillId="3" borderId="5" xfId="0" applyFont="1" applyFill="1" applyBorder="1" applyAlignment="1">
      <alignment horizontal="center" vertical="center"/>
    </xf>
    <xf numFmtId="0" fontId="2" fillId="3" borderId="5" xfId="0" applyFont="1" applyFill="1" applyBorder="1" applyAlignment="1">
      <alignment vertical="center"/>
    </xf>
    <xf numFmtId="0" fontId="2" fillId="3" borderId="42" xfId="0" applyFont="1" applyFill="1" applyBorder="1" applyAlignment="1">
      <alignment vertical="center"/>
    </xf>
    <xf numFmtId="0" fontId="2" fillId="3" borderId="28" xfId="0" applyFont="1" applyFill="1" applyBorder="1" applyAlignment="1">
      <alignment horizontal="left" vertical="center"/>
    </xf>
    <xf numFmtId="0" fontId="2" fillId="3" borderId="19" xfId="0" applyFont="1" applyFill="1" applyBorder="1" applyAlignment="1">
      <alignment horizontal="left" vertical="center"/>
    </xf>
    <xf numFmtId="0" fontId="2" fillId="3" borderId="65" xfId="0" applyFont="1" applyFill="1" applyBorder="1" applyAlignment="1">
      <alignment horizontal="left" vertical="center"/>
    </xf>
    <xf numFmtId="49" fontId="2" fillId="0" borderId="64" xfId="0" applyNumberFormat="1" applyFont="1" applyBorder="1" applyAlignment="1">
      <alignment horizontal="left" vertical="center"/>
    </xf>
    <xf numFmtId="49" fontId="2" fillId="0" borderId="19" xfId="0" applyNumberFormat="1" applyFont="1" applyBorder="1" applyAlignment="1">
      <alignment horizontal="left" vertical="center"/>
    </xf>
    <xf numFmtId="0" fontId="2" fillId="2" borderId="41" xfId="0" applyFont="1" applyFill="1" applyBorder="1" applyAlignment="1">
      <alignment horizontal="left" vertical="center" wrapText="1" shrinkToFit="1"/>
    </xf>
    <xf numFmtId="0" fontId="2" fillId="2" borderId="35" xfId="0" applyFont="1" applyFill="1" applyBorder="1" applyAlignment="1">
      <alignment horizontal="left" vertical="center" wrapText="1" shrinkToFit="1"/>
    </xf>
    <xf numFmtId="0" fontId="2" fillId="2" borderId="68" xfId="0" applyFont="1" applyFill="1" applyBorder="1" applyAlignment="1">
      <alignment horizontal="left" vertical="center" wrapText="1" shrinkToFit="1"/>
    </xf>
    <xf numFmtId="0" fontId="2" fillId="2" borderId="48" xfId="0" applyFont="1" applyFill="1" applyBorder="1" applyAlignment="1">
      <alignment horizontal="left" vertical="center" wrapText="1" shrinkToFit="1"/>
    </xf>
    <xf numFmtId="0" fontId="2" fillId="2" borderId="70" xfId="0" applyFont="1" applyFill="1" applyBorder="1" applyAlignment="1">
      <alignment horizontal="left" vertical="center" wrapText="1" shrinkToFit="1"/>
    </xf>
    <xf numFmtId="0" fontId="2" fillId="2" borderId="50" xfId="0" applyFont="1" applyFill="1" applyBorder="1" applyAlignment="1">
      <alignment horizontal="left" vertical="center" wrapText="1" shrinkToFit="1"/>
    </xf>
    <xf numFmtId="0" fontId="2" fillId="2" borderId="59" xfId="0" applyFont="1" applyFill="1" applyBorder="1" applyAlignment="1">
      <alignment horizontal="left" vertical="center" wrapText="1" shrinkToFit="1"/>
    </xf>
    <xf numFmtId="0" fontId="2" fillId="2" borderId="49" xfId="0" applyFont="1" applyFill="1" applyBorder="1" applyAlignment="1">
      <alignment horizontal="left" vertical="center" wrapText="1" shrinkToFit="1"/>
    </xf>
    <xf numFmtId="0" fontId="2" fillId="2" borderId="63" xfId="0" applyFont="1" applyFill="1" applyBorder="1" applyAlignment="1">
      <alignment horizontal="left" vertical="center" wrapText="1" shrinkToFit="1"/>
    </xf>
    <xf numFmtId="0" fontId="2" fillId="2" borderId="51" xfId="0" applyFont="1" applyFill="1" applyBorder="1" applyAlignment="1">
      <alignment horizontal="left" vertical="center" wrapText="1" shrinkToFit="1"/>
    </xf>
    <xf numFmtId="49" fontId="2" fillId="0" borderId="66" xfId="0" applyNumberFormat="1" applyFont="1" applyBorder="1" applyAlignment="1">
      <alignment horizontal="left" vertical="center"/>
    </xf>
    <xf numFmtId="49" fontId="2" fillId="0" borderId="3" xfId="0" applyNumberFormat="1" applyFont="1" applyBorder="1" applyAlignment="1">
      <alignment horizontal="left" vertical="center"/>
    </xf>
    <xf numFmtId="49" fontId="2" fillId="0" borderId="67" xfId="0" applyNumberFormat="1" applyFont="1" applyBorder="1" applyAlignment="1">
      <alignment horizontal="left" vertical="center"/>
    </xf>
    <xf numFmtId="0" fontId="2" fillId="0" borderId="1" xfId="0" applyFont="1" applyBorder="1" applyAlignment="1">
      <alignment vertical="center" wrapText="1"/>
    </xf>
    <xf numFmtId="0" fontId="2" fillId="0" borderId="28" xfId="0" applyFont="1" applyBorder="1" applyAlignment="1">
      <alignment vertical="center" wrapText="1"/>
    </xf>
    <xf numFmtId="0" fontId="2" fillId="3" borderId="23" xfId="0" applyFont="1" applyFill="1" applyBorder="1" applyAlignment="1">
      <alignment horizontal="center" vertical="center"/>
    </xf>
    <xf numFmtId="0" fontId="2" fillId="3" borderId="61" xfId="0" applyFont="1" applyFill="1" applyBorder="1" applyAlignment="1">
      <alignment horizontal="center" vertical="center"/>
    </xf>
    <xf numFmtId="0" fontId="2" fillId="3" borderId="34" xfId="0" applyFont="1" applyFill="1" applyBorder="1" applyAlignment="1">
      <alignment horizontal="center" vertical="center"/>
    </xf>
    <xf numFmtId="0" fontId="2" fillId="3" borderId="62" xfId="0" applyFont="1" applyFill="1" applyBorder="1" applyAlignment="1">
      <alignment horizontal="center" vertical="center"/>
    </xf>
    <xf numFmtId="0" fontId="2" fillId="3" borderId="15" xfId="0" applyFont="1" applyFill="1" applyBorder="1" applyAlignment="1">
      <alignment horizontal="center" vertical="center"/>
    </xf>
    <xf numFmtId="0" fontId="2" fillId="3" borderId="17" xfId="0" applyFont="1" applyFill="1" applyBorder="1" applyAlignment="1">
      <alignment horizontal="center" vertical="center"/>
    </xf>
    <xf numFmtId="0" fontId="2" fillId="3" borderId="13" xfId="0" applyFont="1" applyFill="1" applyBorder="1" applyAlignment="1">
      <alignment horizontal="center" vertical="center"/>
    </xf>
    <xf numFmtId="0" fontId="2" fillId="3" borderId="20" xfId="0" applyFont="1" applyFill="1" applyBorder="1" applyAlignment="1">
      <alignment horizontal="center" vertical="center"/>
    </xf>
    <xf numFmtId="0" fontId="2" fillId="3" borderId="18" xfId="0" applyFont="1" applyFill="1" applyBorder="1" applyAlignment="1">
      <alignment horizontal="center" vertical="center"/>
    </xf>
    <xf numFmtId="0" fontId="2" fillId="3" borderId="22" xfId="0" applyFont="1" applyFill="1" applyBorder="1" applyAlignment="1">
      <alignment horizontal="center" vertical="center"/>
    </xf>
    <xf numFmtId="0" fontId="2" fillId="3" borderId="16" xfId="0" applyFont="1" applyFill="1" applyBorder="1" applyAlignment="1">
      <alignment horizontal="center" vertical="center"/>
    </xf>
    <xf numFmtId="0" fontId="2" fillId="3" borderId="60" xfId="0" applyFont="1" applyFill="1" applyBorder="1" applyAlignment="1">
      <alignment horizontal="center" vertical="center"/>
    </xf>
    <xf numFmtId="0" fontId="2" fillId="3" borderId="5" xfId="0" applyFont="1" applyFill="1" applyBorder="1" applyAlignment="1">
      <alignment horizontal="left" vertical="center" wrapText="1" justifyLastLine="1"/>
    </xf>
    <xf numFmtId="0" fontId="2" fillId="3" borderId="5" xfId="0" applyFont="1" applyFill="1" applyBorder="1" applyAlignment="1">
      <alignment horizontal="left" vertical="center" justifyLastLine="1"/>
    </xf>
    <xf numFmtId="0" fontId="2" fillId="3" borderId="42" xfId="0" applyFont="1" applyFill="1" applyBorder="1" applyAlignment="1">
      <alignment horizontal="left" vertical="center" justifyLastLine="1"/>
    </xf>
    <xf numFmtId="0" fontId="2" fillId="3" borderId="74" xfId="0" applyFont="1" applyFill="1" applyBorder="1" applyAlignment="1">
      <alignment horizontal="center" vertical="center" wrapText="1"/>
    </xf>
    <xf numFmtId="0" fontId="2" fillId="3" borderId="75" xfId="0" applyFont="1" applyFill="1" applyBorder="1" applyAlignment="1">
      <alignment horizontal="center" vertical="center" wrapText="1"/>
    </xf>
    <xf numFmtId="0" fontId="2" fillId="2" borderId="43" xfId="0" applyFont="1" applyFill="1" applyBorder="1" applyAlignment="1">
      <alignment horizontal="left" vertical="center" wrapText="1" shrinkToFit="1"/>
    </xf>
    <xf numFmtId="0" fontId="2" fillId="2" borderId="73" xfId="0" applyFont="1" applyFill="1" applyBorder="1" applyAlignment="1">
      <alignment horizontal="left" vertical="center" wrapText="1" shrinkToFit="1"/>
    </xf>
    <xf numFmtId="49" fontId="2" fillId="0" borderId="0" xfId="0" applyNumberFormat="1" applyFont="1" applyAlignment="1">
      <alignment horizontal="center" vertical="center"/>
    </xf>
    <xf numFmtId="0" fontId="0" fillId="0" borderId="0" xfId="0" applyAlignment="1">
      <alignment vertical="center"/>
    </xf>
    <xf numFmtId="0" fontId="2" fillId="3" borderId="10" xfId="0" applyFont="1" applyFill="1" applyBorder="1" applyAlignment="1">
      <alignment horizontal="left" vertical="top" wrapText="1"/>
    </xf>
    <xf numFmtId="0" fontId="2" fillId="3" borderId="14" xfId="0" applyFont="1" applyFill="1" applyBorder="1" applyAlignment="1">
      <alignment horizontal="left" vertical="top" wrapText="1"/>
    </xf>
    <xf numFmtId="0" fontId="2" fillId="3" borderId="69" xfId="0" applyFont="1" applyFill="1" applyBorder="1" applyAlignment="1">
      <alignment horizontal="left" vertical="top" wrapText="1"/>
    </xf>
    <xf numFmtId="0" fontId="2" fillId="3" borderId="14" xfId="0" applyFont="1" applyFill="1" applyBorder="1" applyAlignment="1">
      <alignment horizontal="left" vertical="top"/>
    </xf>
    <xf numFmtId="0" fontId="2" fillId="3" borderId="69" xfId="0" applyFont="1" applyFill="1" applyBorder="1" applyAlignment="1">
      <alignment horizontal="left" vertical="top"/>
    </xf>
    <xf numFmtId="0" fontId="2" fillId="3" borderId="10" xfId="0" applyFont="1" applyFill="1" applyBorder="1" applyAlignment="1">
      <alignment horizontal="left" vertical="top"/>
    </xf>
    <xf numFmtId="0" fontId="2" fillId="3" borderId="7" xfId="0" applyFont="1" applyFill="1" applyBorder="1" applyAlignment="1">
      <alignment horizontal="left" vertical="top"/>
    </xf>
    <xf numFmtId="0" fontId="2" fillId="3" borderId="8" xfId="0" applyFont="1" applyFill="1" applyBorder="1" applyAlignment="1">
      <alignment horizontal="left" vertical="top"/>
    </xf>
    <xf numFmtId="0" fontId="2" fillId="3" borderId="71" xfId="0" applyFont="1" applyFill="1" applyBorder="1" applyAlignment="1">
      <alignment horizontal="left" vertical="top"/>
    </xf>
    <xf numFmtId="0" fontId="2" fillId="2" borderId="68" xfId="0" applyFont="1" applyFill="1" applyBorder="1" applyAlignment="1">
      <alignment horizontal="left" vertical="center" wrapText="1"/>
    </xf>
    <xf numFmtId="0" fontId="2" fillId="2" borderId="48" xfId="0" applyFont="1" applyFill="1" applyBorder="1" applyAlignment="1">
      <alignment horizontal="left" vertical="center" wrapText="1"/>
    </xf>
    <xf numFmtId="0" fontId="2" fillId="2" borderId="59" xfId="0" applyFont="1" applyFill="1" applyBorder="1" applyAlignment="1">
      <alignment horizontal="left" vertical="center" wrapText="1"/>
    </xf>
    <xf numFmtId="0" fontId="2" fillId="2" borderId="49" xfId="0" applyFont="1" applyFill="1" applyBorder="1" applyAlignment="1">
      <alignment horizontal="left" vertical="center" wrapText="1"/>
    </xf>
    <xf numFmtId="0" fontId="2" fillId="2" borderId="70" xfId="0" applyFont="1" applyFill="1" applyBorder="1" applyAlignment="1">
      <alignment horizontal="left" vertical="center" wrapText="1"/>
    </xf>
    <xf numFmtId="0" fontId="2" fillId="2" borderId="50" xfId="0" applyFont="1" applyFill="1" applyBorder="1" applyAlignment="1">
      <alignment horizontal="left" vertical="center" wrapText="1"/>
    </xf>
    <xf numFmtId="0" fontId="2" fillId="3" borderId="10" xfId="0" applyFont="1" applyFill="1" applyBorder="1" applyAlignment="1">
      <alignment horizontal="left" vertical="center"/>
    </xf>
    <xf numFmtId="0" fontId="2" fillId="3" borderId="14" xfId="0" applyFont="1" applyFill="1" applyBorder="1" applyAlignment="1">
      <alignment horizontal="left" vertical="center"/>
    </xf>
    <xf numFmtId="0" fontId="2" fillId="3" borderId="69" xfId="0" applyFont="1" applyFill="1" applyBorder="1" applyAlignment="1">
      <alignment horizontal="left" vertical="center"/>
    </xf>
    <xf numFmtId="0" fontId="2" fillId="3" borderId="15" xfId="0" applyFont="1" applyFill="1" applyBorder="1" applyAlignment="1">
      <alignment horizontal="left" vertical="top" wrapText="1" justifyLastLine="1"/>
    </xf>
    <xf numFmtId="0" fontId="2" fillId="3" borderId="16" xfId="0" applyFont="1" applyFill="1" applyBorder="1" applyAlignment="1">
      <alignment horizontal="left" vertical="top" justifyLastLine="1"/>
    </xf>
    <xf numFmtId="0" fontId="2" fillId="3" borderId="60" xfId="0" applyFont="1" applyFill="1" applyBorder="1" applyAlignment="1">
      <alignment horizontal="left" vertical="top" justifyLastLine="1"/>
    </xf>
    <xf numFmtId="0" fontId="2" fillId="3" borderId="13" xfId="0" applyFont="1" applyFill="1" applyBorder="1" applyAlignment="1">
      <alignment horizontal="left" vertical="top" justifyLastLine="1"/>
    </xf>
    <xf numFmtId="0" fontId="2" fillId="3" borderId="0" xfId="0" applyFont="1" applyFill="1" applyBorder="1" applyAlignment="1">
      <alignment horizontal="left" vertical="top" justifyLastLine="1"/>
    </xf>
    <xf numFmtId="0" fontId="2" fillId="3" borderId="72" xfId="0" applyFont="1" applyFill="1" applyBorder="1" applyAlignment="1">
      <alignment horizontal="left" vertical="top" justifyLastLine="1"/>
    </xf>
    <xf numFmtId="0" fontId="2" fillId="3" borderId="18" xfId="0" applyFont="1" applyFill="1" applyBorder="1" applyAlignment="1">
      <alignment horizontal="left" vertical="top" justifyLastLine="1"/>
    </xf>
    <xf numFmtId="0" fontId="2" fillId="3" borderId="21" xfId="0" applyFont="1" applyFill="1" applyBorder="1" applyAlignment="1">
      <alignment horizontal="left" vertical="top" justifyLastLine="1"/>
    </xf>
    <xf numFmtId="0" fontId="2" fillId="3" borderId="56" xfId="0" applyFont="1" applyFill="1" applyBorder="1" applyAlignment="1">
      <alignment horizontal="left" vertical="top" justifyLastLine="1"/>
    </xf>
    <xf numFmtId="49" fontId="2" fillId="0" borderId="0" xfId="0" applyNumberFormat="1" applyFont="1" applyAlignment="1">
      <alignment vertical="center"/>
    </xf>
    <xf numFmtId="0" fontId="2" fillId="0" borderId="10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 shrinkToFit="1"/>
    </xf>
    <xf numFmtId="0" fontId="2" fillId="0" borderId="14" xfId="0" applyFont="1" applyBorder="1" applyAlignment="1">
      <alignment horizontal="center" vertical="center" shrinkToFit="1"/>
    </xf>
    <xf numFmtId="0" fontId="2" fillId="0" borderId="69" xfId="0" applyFont="1" applyBorder="1" applyAlignment="1">
      <alignment horizontal="center" vertical="center" shrinkToFit="1"/>
    </xf>
    <xf numFmtId="0" fontId="6" fillId="0" borderId="0" xfId="0" applyFont="1" applyAlignment="1">
      <alignment horizontal="center" vertical="center"/>
    </xf>
    <xf numFmtId="0" fontId="2" fillId="3" borderId="38" xfId="0" applyFont="1" applyFill="1" applyBorder="1" applyAlignment="1">
      <alignment vertical="center"/>
    </xf>
    <xf numFmtId="0" fontId="2" fillId="3" borderId="39" xfId="0" applyFont="1" applyFill="1" applyBorder="1" applyAlignment="1">
      <alignment vertical="center"/>
    </xf>
    <xf numFmtId="0" fontId="2" fillId="3" borderId="40" xfId="0" applyFont="1" applyFill="1" applyBorder="1" applyAlignment="1">
      <alignment vertical="center"/>
    </xf>
    <xf numFmtId="0" fontId="2" fillId="3" borderId="4" xfId="0" applyFont="1" applyFill="1" applyBorder="1" applyAlignment="1">
      <alignment vertical="center"/>
    </xf>
    <xf numFmtId="0" fontId="2" fillId="3" borderId="5" xfId="0" applyFont="1" applyFill="1" applyBorder="1" applyAlignment="1">
      <alignment vertical="center"/>
    </xf>
    <xf numFmtId="0" fontId="2" fillId="3" borderId="42" xfId="0" applyFont="1" applyFill="1" applyBorder="1" applyAlignment="1">
      <alignment vertical="center"/>
    </xf>
    <xf numFmtId="0" fontId="2" fillId="3" borderId="45" xfId="0" applyFont="1" applyFill="1" applyBorder="1" applyAlignment="1">
      <alignment horizontal="left" vertical="center"/>
    </xf>
    <xf numFmtId="0" fontId="2" fillId="3" borderId="46" xfId="0" applyFont="1" applyFill="1" applyBorder="1" applyAlignment="1">
      <alignment horizontal="left" vertical="center"/>
    </xf>
    <xf numFmtId="0" fontId="2" fillId="3" borderId="47" xfId="0" applyFont="1" applyFill="1" applyBorder="1" applyAlignment="1">
      <alignment horizontal="left" vertical="center"/>
    </xf>
    <xf numFmtId="49" fontId="2" fillId="0" borderId="36" xfId="0" applyNumberFormat="1" applyFont="1" applyBorder="1" applyAlignment="1">
      <alignment horizontal="center" vertical="center"/>
    </xf>
    <xf numFmtId="49" fontId="2" fillId="0" borderId="41" xfId="0" applyNumberFormat="1" applyFont="1" applyBorder="1" applyAlignment="1">
      <alignment horizontal="center" vertical="center"/>
    </xf>
    <xf numFmtId="0" fontId="2" fillId="2" borderId="37" xfId="0" applyFont="1" applyFill="1" applyBorder="1" applyAlignment="1">
      <alignment horizontal="left" vertical="center" wrapText="1" shrinkToFit="1"/>
    </xf>
    <xf numFmtId="0" fontId="2" fillId="2" borderId="9" xfId="0" applyFont="1" applyFill="1" applyBorder="1" applyAlignment="1">
      <alignment horizontal="left" vertical="center" shrinkToFit="1"/>
    </xf>
    <xf numFmtId="0" fontId="2" fillId="0" borderId="54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2" borderId="53" xfId="0" applyFont="1" applyFill="1" applyBorder="1" applyAlignment="1">
      <alignment horizontal="center" vertical="center"/>
    </xf>
    <xf numFmtId="0" fontId="2" fillId="2" borderId="21" xfId="0" applyFont="1" applyFill="1" applyBorder="1" applyAlignment="1">
      <alignment horizontal="center" vertical="center"/>
    </xf>
    <xf numFmtId="0" fontId="2" fillId="0" borderId="55" xfId="0" applyFont="1" applyBorder="1" applyAlignment="1">
      <alignment horizontal="center" vertical="center"/>
    </xf>
    <xf numFmtId="0" fontId="2" fillId="0" borderId="56" xfId="0" applyFont="1" applyBorder="1" applyAlignment="1">
      <alignment horizontal="center" vertical="center"/>
    </xf>
    <xf numFmtId="0" fontId="2" fillId="3" borderId="52" xfId="0" applyFont="1" applyFill="1" applyBorder="1" applyAlignment="1">
      <alignment horizontal="center" vertical="center"/>
    </xf>
    <xf numFmtId="0" fontId="2" fillId="3" borderId="53" xfId="0" applyFont="1" applyFill="1" applyBorder="1" applyAlignment="1">
      <alignment horizontal="center" vertical="center"/>
    </xf>
    <xf numFmtId="0" fontId="2" fillId="3" borderId="7" xfId="0" applyFont="1" applyFill="1" applyBorder="1" applyAlignment="1">
      <alignment horizontal="center" vertical="center"/>
    </xf>
    <xf numFmtId="0" fontId="2" fillId="3" borderId="8" xfId="0" applyFont="1" applyFill="1" applyBorder="1" applyAlignment="1">
      <alignment horizontal="center" vertical="center"/>
    </xf>
    <xf numFmtId="0" fontId="8" fillId="0" borderId="0" xfId="0" applyFont="1" applyBorder="1" applyAlignment="1">
      <alignment horizontal="left" vertical="center" shrinkToFit="1"/>
    </xf>
    <xf numFmtId="49" fontId="2" fillId="0" borderId="36" xfId="0" applyNumberFormat="1" applyFont="1" applyBorder="1" applyAlignment="1">
      <alignment horizontal="left" vertical="center"/>
    </xf>
    <xf numFmtId="49" fontId="2" fillId="0" borderId="37" xfId="0" applyNumberFormat="1" applyFont="1" applyBorder="1" applyAlignment="1">
      <alignment horizontal="left" vertical="center"/>
    </xf>
    <xf numFmtId="49" fontId="2" fillId="0" borderId="41" xfId="0" applyNumberFormat="1" applyFont="1" applyBorder="1" applyAlignment="1">
      <alignment horizontal="left" vertical="center"/>
    </xf>
    <xf numFmtId="49" fontId="2" fillId="0" borderId="11" xfId="0" applyNumberFormat="1" applyFont="1" applyBorder="1" applyAlignment="1">
      <alignment horizontal="left" vertical="center"/>
    </xf>
    <xf numFmtId="49" fontId="2" fillId="0" borderId="43" xfId="0" applyNumberFormat="1" applyFont="1" applyBorder="1" applyAlignment="1">
      <alignment horizontal="left" vertical="center"/>
    </xf>
    <xf numFmtId="49" fontId="2" fillId="0" borderId="44" xfId="0" applyNumberFormat="1" applyFont="1" applyBorder="1" applyAlignment="1">
      <alignment horizontal="left" vertical="center"/>
    </xf>
    <xf numFmtId="49" fontId="2" fillId="0" borderId="57" xfId="0" applyNumberFormat="1" applyFont="1" applyBorder="1" applyAlignment="1">
      <alignment horizontal="left" vertical="center"/>
    </xf>
    <xf numFmtId="49" fontId="2" fillId="0" borderId="24" xfId="0" applyNumberFormat="1" applyFont="1" applyBorder="1" applyAlignment="1">
      <alignment horizontal="left" vertical="center"/>
    </xf>
    <xf numFmtId="49" fontId="2" fillId="0" borderId="58" xfId="0" applyNumberFormat="1" applyFont="1" applyBorder="1" applyAlignment="1">
      <alignment horizontal="left" vertical="center"/>
    </xf>
    <xf numFmtId="49" fontId="2" fillId="0" borderId="57" xfId="0" applyNumberFormat="1" applyFont="1" applyBorder="1" applyAlignment="1">
      <alignment horizontal="center" vertical="center"/>
    </xf>
    <xf numFmtId="49" fontId="2" fillId="0" borderId="59" xfId="0" applyNumberFormat="1" applyFont="1" applyBorder="1" applyAlignment="1">
      <alignment horizontal="center" vertical="center"/>
    </xf>
    <xf numFmtId="49" fontId="2" fillId="0" borderId="63" xfId="0" applyNumberFormat="1" applyFont="1" applyBorder="1" applyAlignment="1">
      <alignment horizontal="center" vertical="center"/>
    </xf>
    <xf numFmtId="0" fontId="2" fillId="2" borderId="25" xfId="0" applyFont="1" applyFill="1" applyBorder="1" applyAlignment="1">
      <alignment horizontal="left" vertical="center" shrinkToFit="1"/>
    </xf>
    <xf numFmtId="0" fontId="2" fillId="2" borderId="20" xfId="0" applyFont="1" applyFill="1" applyBorder="1" applyAlignment="1">
      <alignment horizontal="left" vertical="center" shrinkToFit="1"/>
    </xf>
    <xf numFmtId="0" fontId="2" fillId="2" borderId="22" xfId="0" applyFont="1" applyFill="1" applyBorder="1" applyAlignment="1">
      <alignment horizontal="left" vertical="center" shrinkToFit="1"/>
    </xf>
    <xf numFmtId="0" fontId="2" fillId="0" borderId="29" xfId="0" applyFont="1" applyBorder="1" applyAlignment="1">
      <alignment horizontal="center" vertical="center" wrapText="1"/>
    </xf>
    <xf numFmtId="0" fontId="2" fillId="0" borderId="29" xfId="0" applyFont="1" applyBorder="1" applyAlignment="1">
      <alignment horizontal="center" vertical="center"/>
    </xf>
    <xf numFmtId="0" fontId="2" fillId="2" borderId="6" xfId="0" applyFont="1" applyFill="1" applyBorder="1" applyAlignment="1">
      <alignment horizontal="left" vertical="center"/>
    </xf>
    <xf numFmtId="0" fontId="2" fillId="2" borderId="32" xfId="0" applyFont="1" applyFill="1" applyBorder="1" applyAlignment="1">
      <alignment horizontal="left" vertical="center"/>
    </xf>
    <xf numFmtId="0" fontId="2" fillId="3" borderId="5" xfId="0" applyFont="1" applyFill="1" applyBorder="1" applyAlignment="1">
      <alignment horizontal="left" vertical="center" wrapText="1"/>
    </xf>
    <xf numFmtId="0" fontId="2" fillId="3" borderId="42" xfId="0" applyFont="1" applyFill="1" applyBorder="1" applyAlignment="1">
      <alignment horizontal="left" vertical="center" wrapText="1"/>
    </xf>
  </cellXfs>
  <cellStyles count="2">
    <cellStyle name="桁区切り 2" xfId="1" xr:uid="{00000000-0005-0000-0000-000000000000}"/>
    <cellStyle name="標準" xfId="0" builtinId="0"/>
  </cellStyles>
  <dxfs count="2">
    <dxf>
      <font>
        <color theme="0"/>
      </font>
    </dxf>
    <dxf>
      <font>
        <color theme="0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230505</xdr:colOff>
      <xdr:row>30</xdr:row>
      <xdr:rowOff>7620</xdr:rowOff>
    </xdr:from>
    <xdr:to>
      <xdr:col>12</xdr:col>
      <xdr:colOff>536759</xdr:colOff>
      <xdr:row>30</xdr:row>
      <xdr:rowOff>320040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7141845" y="7307580"/>
          <a:ext cx="306254" cy="312420"/>
        </a:xfrm>
        <a:prstGeom prst="ellipse">
          <a:avLst/>
        </a:prstGeom>
        <a:noFill/>
        <a:ln w="1270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2</xdr:col>
      <xdr:colOff>274320</xdr:colOff>
      <xdr:row>41</xdr:row>
      <xdr:rowOff>201930</xdr:rowOff>
    </xdr:from>
    <xdr:to>
      <xdr:col>12</xdr:col>
      <xdr:colOff>596311</xdr:colOff>
      <xdr:row>42</xdr:row>
      <xdr:rowOff>247650</xdr:rowOff>
    </xdr:to>
    <xdr:sp macro="" textlink="">
      <xdr:nvSpPr>
        <xdr:cNvPr id="3" name="楕円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7185660" y="10999470"/>
          <a:ext cx="321991" cy="320040"/>
        </a:xfrm>
        <a:prstGeom prst="ellipse">
          <a:avLst/>
        </a:prstGeom>
        <a:noFill/>
        <a:ln w="1270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92D050"/>
    <pageSetUpPr fitToPage="1"/>
  </sheetPr>
  <dimension ref="B1:T44"/>
  <sheetViews>
    <sheetView tabSelected="1" view="pageBreakPreview" topLeftCell="A16" zoomScale="115" zoomScaleNormal="100" zoomScaleSheetLayoutView="115" workbookViewId="0">
      <selection activeCell="E31" sqref="E31"/>
    </sheetView>
  </sheetViews>
  <sheetFormatPr defaultColWidth="9" defaultRowHeight="13.2" x14ac:dyDescent="0.2"/>
  <cols>
    <col min="1" max="1" width="1" style="1" customWidth="1"/>
    <col min="2" max="2" width="2.33203125" style="1" customWidth="1"/>
    <col min="3" max="3" width="2.6640625" style="1" customWidth="1"/>
    <col min="4" max="4" width="25" style="2" customWidth="1"/>
    <col min="5" max="5" width="9.88671875" style="1" customWidth="1"/>
    <col min="6" max="6" width="11" style="1" customWidth="1"/>
    <col min="7" max="9" width="9.109375" style="1" customWidth="1"/>
    <col min="10" max="10" width="11.6640625" style="1" customWidth="1"/>
    <col min="11" max="12" width="9.109375" style="1" customWidth="1"/>
    <col min="13" max="256" width="9" style="1"/>
    <col min="257" max="257" width="1" style="1" customWidth="1"/>
    <col min="258" max="258" width="2.33203125" style="1" customWidth="1"/>
    <col min="259" max="259" width="2.6640625" style="1" customWidth="1"/>
    <col min="260" max="260" width="22.6640625" style="1" customWidth="1"/>
    <col min="261" max="261" width="8.33203125" style="1" customWidth="1"/>
    <col min="262" max="268" width="9.109375" style="1" customWidth="1"/>
    <col min="269" max="512" width="9" style="1"/>
    <col min="513" max="513" width="1" style="1" customWidth="1"/>
    <col min="514" max="514" width="2.33203125" style="1" customWidth="1"/>
    <col min="515" max="515" width="2.6640625" style="1" customWidth="1"/>
    <col min="516" max="516" width="22.6640625" style="1" customWidth="1"/>
    <col min="517" max="517" width="8.33203125" style="1" customWidth="1"/>
    <col min="518" max="524" width="9.109375" style="1" customWidth="1"/>
    <col min="525" max="768" width="9" style="1"/>
    <col min="769" max="769" width="1" style="1" customWidth="1"/>
    <col min="770" max="770" width="2.33203125" style="1" customWidth="1"/>
    <col min="771" max="771" width="2.6640625" style="1" customWidth="1"/>
    <col min="772" max="772" width="22.6640625" style="1" customWidth="1"/>
    <col min="773" max="773" width="8.33203125" style="1" customWidth="1"/>
    <col min="774" max="780" width="9.109375" style="1" customWidth="1"/>
    <col min="781" max="1024" width="9" style="1"/>
    <col min="1025" max="1025" width="1" style="1" customWidth="1"/>
    <col min="1026" max="1026" width="2.33203125" style="1" customWidth="1"/>
    <col min="1027" max="1027" width="2.6640625" style="1" customWidth="1"/>
    <col min="1028" max="1028" width="22.6640625" style="1" customWidth="1"/>
    <col min="1029" max="1029" width="8.33203125" style="1" customWidth="1"/>
    <col min="1030" max="1036" width="9.109375" style="1" customWidth="1"/>
    <col min="1037" max="1280" width="9" style="1"/>
    <col min="1281" max="1281" width="1" style="1" customWidth="1"/>
    <col min="1282" max="1282" width="2.33203125" style="1" customWidth="1"/>
    <col min="1283" max="1283" width="2.6640625" style="1" customWidth="1"/>
    <col min="1284" max="1284" width="22.6640625" style="1" customWidth="1"/>
    <col min="1285" max="1285" width="8.33203125" style="1" customWidth="1"/>
    <col min="1286" max="1292" width="9.109375" style="1" customWidth="1"/>
    <col min="1293" max="1536" width="9" style="1"/>
    <col min="1537" max="1537" width="1" style="1" customWidth="1"/>
    <col min="1538" max="1538" width="2.33203125" style="1" customWidth="1"/>
    <col min="1539" max="1539" width="2.6640625" style="1" customWidth="1"/>
    <col min="1540" max="1540" width="22.6640625" style="1" customWidth="1"/>
    <col min="1541" max="1541" width="8.33203125" style="1" customWidth="1"/>
    <col min="1542" max="1548" width="9.109375" style="1" customWidth="1"/>
    <col min="1549" max="1792" width="9" style="1"/>
    <col min="1793" max="1793" width="1" style="1" customWidth="1"/>
    <col min="1794" max="1794" width="2.33203125" style="1" customWidth="1"/>
    <col min="1795" max="1795" width="2.6640625" style="1" customWidth="1"/>
    <col min="1796" max="1796" width="22.6640625" style="1" customWidth="1"/>
    <col min="1797" max="1797" width="8.33203125" style="1" customWidth="1"/>
    <col min="1798" max="1804" width="9.109375" style="1" customWidth="1"/>
    <col min="1805" max="2048" width="9" style="1"/>
    <col min="2049" max="2049" width="1" style="1" customWidth="1"/>
    <col min="2050" max="2050" width="2.33203125" style="1" customWidth="1"/>
    <col min="2051" max="2051" width="2.6640625" style="1" customWidth="1"/>
    <col min="2052" max="2052" width="22.6640625" style="1" customWidth="1"/>
    <col min="2053" max="2053" width="8.33203125" style="1" customWidth="1"/>
    <col min="2054" max="2060" width="9.109375" style="1" customWidth="1"/>
    <col min="2061" max="2304" width="9" style="1"/>
    <col min="2305" max="2305" width="1" style="1" customWidth="1"/>
    <col min="2306" max="2306" width="2.33203125" style="1" customWidth="1"/>
    <col min="2307" max="2307" width="2.6640625" style="1" customWidth="1"/>
    <col min="2308" max="2308" width="22.6640625" style="1" customWidth="1"/>
    <col min="2309" max="2309" width="8.33203125" style="1" customWidth="1"/>
    <col min="2310" max="2316" width="9.109375" style="1" customWidth="1"/>
    <col min="2317" max="2560" width="9" style="1"/>
    <col min="2561" max="2561" width="1" style="1" customWidth="1"/>
    <col min="2562" max="2562" width="2.33203125" style="1" customWidth="1"/>
    <col min="2563" max="2563" width="2.6640625" style="1" customWidth="1"/>
    <col min="2564" max="2564" width="22.6640625" style="1" customWidth="1"/>
    <col min="2565" max="2565" width="8.33203125" style="1" customWidth="1"/>
    <col min="2566" max="2572" width="9.109375" style="1" customWidth="1"/>
    <col min="2573" max="2816" width="9" style="1"/>
    <col min="2817" max="2817" width="1" style="1" customWidth="1"/>
    <col min="2818" max="2818" width="2.33203125" style="1" customWidth="1"/>
    <col min="2819" max="2819" width="2.6640625" style="1" customWidth="1"/>
    <col min="2820" max="2820" width="22.6640625" style="1" customWidth="1"/>
    <col min="2821" max="2821" width="8.33203125" style="1" customWidth="1"/>
    <col min="2822" max="2828" width="9.109375" style="1" customWidth="1"/>
    <col min="2829" max="3072" width="9" style="1"/>
    <col min="3073" max="3073" width="1" style="1" customWidth="1"/>
    <col min="3074" max="3074" width="2.33203125" style="1" customWidth="1"/>
    <col min="3075" max="3075" width="2.6640625" style="1" customWidth="1"/>
    <col min="3076" max="3076" width="22.6640625" style="1" customWidth="1"/>
    <col min="3077" max="3077" width="8.33203125" style="1" customWidth="1"/>
    <col min="3078" max="3084" width="9.109375" style="1" customWidth="1"/>
    <col min="3085" max="3328" width="9" style="1"/>
    <col min="3329" max="3329" width="1" style="1" customWidth="1"/>
    <col min="3330" max="3330" width="2.33203125" style="1" customWidth="1"/>
    <col min="3331" max="3331" width="2.6640625" style="1" customWidth="1"/>
    <col min="3332" max="3332" width="22.6640625" style="1" customWidth="1"/>
    <col min="3333" max="3333" width="8.33203125" style="1" customWidth="1"/>
    <col min="3334" max="3340" width="9.109375" style="1" customWidth="1"/>
    <col min="3341" max="3584" width="9" style="1"/>
    <col min="3585" max="3585" width="1" style="1" customWidth="1"/>
    <col min="3586" max="3586" width="2.33203125" style="1" customWidth="1"/>
    <col min="3587" max="3587" width="2.6640625" style="1" customWidth="1"/>
    <col min="3588" max="3588" width="22.6640625" style="1" customWidth="1"/>
    <col min="3589" max="3589" width="8.33203125" style="1" customWidth="1"/>
    <col min="3590" max="3596" width="9.109375" style="1" customWidth="1"/>
    <col min="3597" max="3840" width="9" style="1"/>
    <col min="3841" max="3841" width="1" style="1" customWidth="1"/>
    <col min="3842" max="3842" width="2.33203125" style="1" customWidth="1"/>
    <col min="3843" max="3843" width="2.6640625" style="1" customWidth="1"/>
    <col min="3844" max="3844" width="22.6640625" style="1" customWidth="1"/>
    <col min="3845" max="3845" width="8.33203125" style="1" customWidth="1"/>
    <col min="3846" max="3852" width="9.109375" style="1" customWidth="1"/>
    <col min="3853" max="4096" width="9" style="1"/>
    <col min="4097" max="4097" width="1" style="1" customWidth="1"/>
    <col min="4098" max="4098" width="2.33203125" style="1" customWidth="1"/>
    <col min="4099" max="4099" width="2.6640625" style="1" customWidth="1"/>
    <col min="4100" max="4100" width="22.6640625" style="1" customWidth="1"/>
    <col min="4101" max="4101" width="8.33203125" style="1" customWidth="1"/>
    <col min="4102" max="4108" width="9.109375" style="1" customWidth="1"/>
    <col min="4109" max="4352" width="9" style="1"/>
    <col min="4353" max="4353" width="1" style="1" customWidth="1"/>
    <col min="4354" max="4354" width="2.33203125" style="1" customWidth="1"/>
    <col min="4355" max="4355" width="2.6640625" style="1" customWidth="1"/>
    <col min="4356" max="4356" width="22.6640625" style="1" customWidth="1"/>
    <col min="4357" max="4357" width="8.33203125" style="1" customWidth="1"/>
    <col min="4358" max="4364" width="9.109375" style="1" customWidth="1"/>
    <col min="4365" max="4608" width="9" style="1"/>
    <col min="4609" max="4609" width="1" style="1" customWidth="1"/>
    <col min="4610" max="4610" width="2.33203125" style="1" customWidth="1"/>
    <col min="4611" max="4611" width="2.6640625" style="1" customWidth="1"/>
    <col min="4612" max="4612" width="22.6640625" style="1" customWidth="1"/>
    <col min="4613" max="4613" width="8.33203125" style="1" customWidth="1"/>
    <col min="4614" max="4620" width="9.109375" style="1" customWidth="1"/>
    <col min="4621" max="4864" width="9" style="1"/>
    <col min="4865" max="4865" width="1" style="1" customWidth="1"/>
    <col min="4866" max="4866" width="2.33203125" style="1" customWidth="1"/>
    <col min="4867" max="4867" width="2.6640625" style="1" customWidth="1"/>
    <col min="4868" max="4868" width="22.6640625" style="1" customWidth="1"/>
    <col min="4869" max="4869" width="8.33203125" style="1" customWidth="1"/>
    <col min="4870" max="4876" width="9.109375" style="1" customWidth="1"/>
    <col min="4877" max="5120" width="9" style="1"/>
    <col min="5121" max="5121" width="1" style="1" customWidth="1"/>
    <col min="5122" max="5122" width="2.33203125" style="1" customWidth="1"/>
    <col min="5123" max="5123" width="2.6640625" style="1" customWidth="1"/>
    <col min="5124" max="5124" width="22.6640625" style="1" customWidth="1"/>
    <col min="5125" max="5125" width="8.33203125" style="1" customWidth="1"/>
    <col min="5126" max="5132" width="9.109375" style="1" customWidth="1"/>
    <col min="5133" max="5376" width="9" style="1"/>
    <col min="5377" max="5377" width="1" style="1" customWidth="1"/>
    <col min="5378" max="5378" width="2.33203125" style="1" customWidth="1"/>
    <col min="5379" max="5379" width="2.6640625" style="1" customWidth="1"/>
    <col min="5380" max="5380" width="22.6640625" style="1" customWidth="1"/>
    <col min="5381" max="5381" width="8.33203125" style="1" customWidth="1"/>
    <col min="5382" max="5388" width="9.109375" style="1" customWidth="1"/>
    <col min="5389" max="5632" width="9" style="1"/>
    <col min="5633" max="5633" width="1" style="1" customWidth="1"/>
    <col min="5634" max="5634" width="2.33203125" style="1" customWidth="1"/>
    <col min="5635" max="5635" width="2.6640625" style="1" customWidth="1"/>
    <col min="5636" max="5636" width="22.6640625" style="1" customWidth="1"/>
    <col min="5637" max="5637" width="8.33203125" style="1" customWidth="1"/>
    <col min="5638" max="5644" width="9.109375" style="1" customWidth="1"/>
    <col min="5645" max="5888" width="9" style="1"/>
    <col min="5889" max="5889" width="1" style="1" customWidth="1"/>
    <col min="5890" max="5890" width="2.33203125" style="1" customWidth="1"/>
    <col min="5891" max="5891" width="2.6640625" style="1" customWidth="1"/>
    <col min="5892" max="5892" width="22.6640625" style="1" customWidth="1"/>
    <col min="5893" max="5893" width="8.33203125" style="1" customWidth="1"/>
    <col min="5894" max="5900" width="9.109375" style="1" customWidth="1"/>
    <col min="5901" max="6144" width="9" style="1"/>
    <col min="6145" max="6145" width="1" style="1" customWidth="1"/>
    <col min="6146" max="6146" width="2.33203125" style="1" customWidth="1"/>
    <col min="6147" max="6147" width="2.6640625" style="1" customWidth="1"/>
    <col min="6148" max="6148" width="22.6640625" style="1" customWidth="1"/>
    <col min="6149" max="6149" width="8.33203125" style="1" customWidth="1"/>
    <col min="6150" max="6156" width="9.109375" style="1" customWidth="1"/>
    <col min="6157" max="6400" width="9" style="1"/>
    <col min="6401" max="6401" width="1" style="1" customWidth="1"/>
    <col min="6402" max="6402" width="2.33203125" style="1" customWidth="1"/>
    <col min="6403" max="6403" width="2.6640625" style="1" customWidth="1"/>
    <col min="6404" max="6404" width="22.6640625" style="1" customWidth="1"/>
    <col min="6405" max="6405" width="8.33203125" style="1" customWidth="1"/>
    <col min="6406" max="6412" width="9.109375" style="1" customWidth="1"/>
    <col min="6413" max="6656" width="9" style="1"/>
    <col min="6657" max="6657" width="1" style="1" customWidth="1"/>
    <col min="6658" max="6658" width="2.33203125" style="1" customWidth="1"/>
    <col min="6659" max="6659" width="2.6640625" style="1" customWidth="1"/>
    <col min="6660" max="6660" width="22.6640625" style="1" customWidth="1"/>
    <col min="6661" max="6661" width="8.33203125" style="1" customWidth="1"/>
    <col min="6662" max="6668" width="9.109375" style="1" customWidth="1"/>
    <col min="6669" max="6912" width="9" style="1"/>
    <col min="6913" max="6913" width="1" style="1" customWidth="1"/>
    <col min="6914" max="6914" width="2.33203125" style="1" customWidth="1"/>
    <col min="6915" max="6915" width="2.6640625" style="1" customWidth="1"/>
    <col min="6916" max="6916" width="22.6640625" style="1" customWidth="1"/>
    <col min="6917" max="6917" width="8.33203125" style="1" customWidth="1"/>
    <col min="6918" max="6924" width="9.109375" style="1" customWidth="1"/>
    <col min="6925" max="7168" width="9" style="1"/>
    <col min="7169" max="7169" width="1" style="1" customWidth="1"/>
    <col min="7170" max="7170" width="2.33203125" style="1" customWidth="1"/>
    <col min="7171" max="7171" width="2.6640625" style="1" customWidth="1"/>
    <col min="7172" max="7172" width="22.6640625" style="1" customWidth="1"/>
    <col min="7173" max="7173" width="8.33203125" style="1" customWidth="1"/>
    <col min="7174" max="7180" width="9.109375" style="1" customWidth="1"/>
    <col min="7181" max="7424" width="9" style="1"/>
    <col min="7425" max="7425" width="1" style="1" customWidth="1"/>
    <col min="7426" max="7426" width="2.33203125" style="1" customWidth="1"/>
    <col min="7427" max="7427" width="2.6640625" style="1" customWidth="1"/>
    <col min="7428" max="7428" width="22.6640625" style="1" customWidth="1"/>
    <col min="7429" max="7429" width="8.33203125" style="1" customWidth="1"/>
    <col min="7430" max="7436" width="9.109375" style="1" customWidth="1"/>
    <col min="7437" max="7680" width="9" style="1"/>
    <col min="7681" max="7681" width="1" style="1" customWidth="1"/>
    <col min="7682" max="7682" width="2.33203125" style="1" customWidth="1"/>
    <col min="7683" max="7683" width="2.6640625" style="1" customWidth="1"/>
    <col min="7684" max="7684" width="22.6640625" style="1" customWidth="1"/>
    <col min="7685" max="7685" width="8.33203125" style="1" customWidth="1"/>
    <col min="7686" max="7692" width="9.109375" style="1" customWidth="1"/>
    <col min="7693" max="7936" width="9" style="1"/>
    <col min="7937" max="7937" width="1" style="1" customWidth="1"/>
    <col min="7938" max="7938" width="2.33203125" style="1" customWidth="1"/>
    <col min="7939" max="7939" width="2.6640625" style="1" customWidth="1"/>
    <col min="7940" max="7940" width="22.6640625" style="1" customWidth="1"/>
    <col min="7941" max="7941" width="8.33203125" style="1" customWidth="1"/>
    <col min="7942" max="7948" width="9.109375" style="1" customWidth="1"/>
    <col min="7949" max="8192" width="9" style="1"/>
    <col min="8193" max="8193" width="1" style="1" customWidth="1"/>
    <col min="8194" max="8194" width="2.33203125" style="1" customWidth="1"/>
    <col min="8195" max="8195" width="2.6640625" style="1" customWidth="1"/>
    <col min="8196" max="8196" width="22.6640625" style="1" customWidth="1"/>
    <col min="8197" max="8197" width="8.33203125" style="1" customWidth="1"/>
    <col min="8198" max="8204" width="9.109375" style="1" customWidth="1"/>
    <col min="8205" max="8448" width="9" style="1"/>
    <col min="8449" max="8449" width="1" style="1" customWidth="1"/>
    <col min="8450" max="8450" width="2.33203125" style="1" customWidth="1"/>
    <col min="8451" max="8451" width="2.6640625" style="1" customWidth="1"/>
    <col min="8452" max="8452" width="22.6640625" style="1" customWidth="1"/>
    <col min="8453" max="8453" width="8.33203125" style="1" customWidth="1"/>
    <col min="8454" max="8460" width="9.109375" style="1" customWidth="1"/>
    <col min="8461" max="8704" width="9" style="1"/>
    <col min="8705" max="8705" width="1" style="1" customWidth="1"/>
    <col min="8706" max="8706" width="2.33203125" style="1" customWidth="1"/>
    <col min="8707" max="8707" width="2.6640625" style="1" customWidth="1"/>
    <col min="8708" max="8708" width="22.6640625" style="1" customWidth="1"/>
    <col min="8709" max="8709" width="8.33203125" style="1" customWidth="1"/>
    <col min="8710" max="8716" width="9.109375" style="1" customWidth="1"/>
    <col min="8717" max="8960" width="9" style="1"/>
    <col min="8961" max="8961" width="1" style="1" customWidth="1"/>
    <col min="8962" max="8962" width="2.33203125" style="1" customWidth="1"/>
    <col min="8963" max="8963" width="2.6640625" style="1" customWidth="1"/>
    <col min="8964" max="8964" width="22.6640625" style="1" customWidth="1"/>
    <col min="8965" max="8965" width="8.33203125" style="1" customWidth="1"/>
    <col min="8966" max="8972" width="9.109375" style="1" customWidth="1"/>
    <col min="8973" max="9216" width="9" style="1"/>
    <col min="9217" max="9217" width="1" style="1" customWidth="1"/>
    <col min="9218" max="9218" width="2.33203125" style="1" customWidth="1"/>
    <col min="9219" max="9219" width="2.6640625" style="1" customWidth="1"/>
    <col min="9220" max="9220" width="22.6640625" style="1" customWidth="1"/>
    <col min="9221" max="9221" width="8.33203125" style="1" customWidth="1"/>
    <col min="9222" max="9228" width="9.109375" style="1" customWidth="1"/>
    <col min="9229" max="9472" width="9" style="1"/>
    <col min="9473" max="9473" width="1" style="1" customWidth="1"/>
    <col min="9474" max="9474" width="2.33203125" style="1" customWidth="1"/>
    <col min="9475" max="9475" width="2.6640625" style="1" customWidth="1"/>
    <col min="9476" max="9476" width="22.6640625" style="1" customWidth="1"/>
    <col min="9477" max="9477" width="8.33203125" style="1" customWidth="1"/>
    <col min="9478" max="9484" width="9.109375" style="1" customWidth="1"/>
    <col min="9485" max="9728" width="9" style="1"/>
    <col min="9729" max="9729" width="1" style="1" customWidth="1"/>
    <col min="9730" max="9730" width="2.33203125" style="1" customWidth="1"/>
    <col min="9731" max="9731" width="2.6640625" style="1" customWidth="1"/>
    <col min="9732" max="9732" width="22.6640625" style="1" customWidth="1"/>
    <col min="9733" max="9733" width="8.33203125" style="1" customWidth="1"/>
    <col min="9734" max="9740" width="9.109375" style="1" customWidth="1"/>
    <col min="9741" max="9984" width="9" style="1"/>
    <col min="9985" max="9985" width="1" style="1" customWidth="1"/>
    <col min="9986" max="9986" width="2.33203125" style="1" customWidth="1"/>
    <col min="9987" max="9987" width="2.6640625" style="1" customWidth="1"/>
    <col min="9988" max="9988" width="22.6640625" style="1" customWidth="1"/>
    <col min="9989" max="9989" width="8.33203125" style="1" customWidth="1"/>
    <col min="9990" max="9996" width="9.109375" style="1" customWidth="1"/>
    <col min="9997" max="10240" width="9" style="1"/>
    <col min="10241" max="10241" width="1" style="1" customWidth="1"/>
    <col min="10242" max="10242" width="2.33203125" style="1" customWidth="1"/>
    <col min="10243" max="10243" width="2.6640625" style="1" customWidth="1"/>
    <col min="10244" max="10244" width="22.6640625" style="1" customWidth="1"/>
    <col min="10245" max="10245" width="8.33203125" style="1" customWidth="1"/>
    <col min="10246" max="10252" width="9.109375" style="1" customWidth="1"/>
    <col min="10253" max="10496" width="9" style="1"/>
    <col min="10497" max="10497" width="1" style="1" customWidth="1"/>
    <col min="10498" max="10498" width="2.33203125" style="1" customWidth="1"/>
    <col min="10499" max="10499" width="2.6640625" style="1" customWidth="1"/>
    <col min="10500" max="10500" width="22.6640625" style="1" customWidth="1"/>
    <col min="10501" max="10501" width="8.33203125" style="1" customWidth="1"/>
    <col min="10502" max="10508" width="9.109375" style="1" customWidth="1"/>
    <col min="10509" max="10752" width="9" style="1"/>
    <col min="10753" max="10753" width="1" style="1" customWidth="1"/>
    <col min="10754" max="10754" width="2.33203125" style="1" customWidth="1"/>
    <col min="10755" max="10755" width="2.6640625" style="1" customWidth="1"/>
    <col min="10756" max="10756" width="22.6640625" style="1" customWidth="1"/>
    <col min="10757" max="10757" width="8.33203125" style="1" customWidth="1"/>
    <col min="10758" max="10764" width="9.109375" style="1" customWidth="1"/>
    <col min="10765" max="11008" width="9" style="1"/>
    <col min="11009" max="11009" width="1" style="1" customWidth="1"/>
    <col min="11010" max="11010" width="2.33203125" style="1" customWidth="1"/>
    <col min="11011" max="11011" width="2.6640625" style="1" customWidth="1"/>
    <col min="11012" max="11012" width="22.6640625" style="1" customWidth="1"/>
    <col min="11013" max="11013" width="8.33203125" style="1" customWidth="1"/>
    <col min="11014" max="11020" width="9.109375" style="1" customWidth="1"/>
    <col min="11021" max="11264" width="9" style="1"/>
    <col min="11265" max="11265" width="1" style="1" customWidth="1"/>
    <col min="11266" max="11266" width="2.33203125" style="1" customWidth="1"/>
    <col min="11267" max="11267" width="2.6640625" style="1" customWidth="1"/>
    <col min="11268" max="11268" width="22.6640625" style="1" customWidth="1"/>
    <col min="11269" max="11269" width="8.33203125" style="1" customWidth="1"/>
    <col min="11270" max="11276" width="9.109375" style="1" customWidth="1"/>
    <col min="11277" max="11520" width="9" style="1"/>
    <col min="11521" max="11521" width="1" style="1" customWidth="1"/>
    <col min="11522" max="11522" width="2.33203125" style="1" customWidth="1"/>
    <col min="11523" max="11523" width="2.6640625" style="1" customWidth="1"/>
    <col min="11524" max="11524" width="22.6640625" style="1" customWidth="1"/>
    <col min="11525" max="11525" width="8.33203125" style="1" customWidth="1"/>
    <col min="11526" max="11532" width="9.109375" style="1" customWidth="1"/>
    <col min="11533" max="11776" width="9" style="1"/>
    <col min="11777" max="11777" width="1" style="1" customWidth="1"/>
    <col min="11778" max="11778" width="2.33203125" style="1" customWidth="1"/>
    <col min="11779" max="11779" width="2.6640625" style="1" customWidth="1"/>
    <col min="11780" max="11780" width="22.6640625" style="1" customWidth="1"/>
    <col min="11781" max="11781" width="8.33203125" style="1" customWidth="1"/>
    <col min="11782" max="11788" width="9.109375" style="1" customWidth="1"/>
    <col min="11789" max="12032" width="9" style="1"/>
    <col min="12033" max="12033" width="1" style="1" customWidth="1"/>
    <col min="12034" max="12034" width="2.33203125" style="1" customWidth="1"/>
    <col min="12035" max="12035" width="2.6640625" style="1" customWidth="1"/>
    <col min="12036" max="12036" width="22.6640625" style="1" customWidth="1"/>
    <col min="12037" max="12037" width="8.33203125" style="1" customWidth="1"/>
    <col min="12038" max="12044" width="9.109375" style="1" customWidth="1"/>
    <col min="12045" max="12288" width="9" style="1"/>
    <col min="12289" max="12289" width="1" style="1" customWidth="1"/>
    <col min="12290" max="12290" width="2.33203125" style="1" customWidth="1"/>
    <col min="12291" max="12291" width="2.6640625" style="1" customWidth="1"/>
    <col min="12292" max="12292" width="22.6640625" style="1" customWidth="1"/>
    <col min="12293" max="12293" width="8.33203125" style="1" customWidth="1"/>
    <col min="12294" max="12300" width="9.109375" style="1" customWidth="1"/>
    <col min="12301" max="12544" width="9" style="1"/>
    <col min="12545" max="12545" width="1" style="1" customWidth="1"/>
    <col min="12546" max="12546" width="2.33203125" style="1" customWidth="1"/>
    <col min="12547" max="12547" width="2.6640625" style="1" customWidth="1"/>
    <col min="12548" max="12548" width="22.6640625" style="1" customWidth="1"/>
    <col min="12549" max="12549" width="8.33203125" style="1" customWidth="1"/>
    <col min="12550" max="12556" width="9.109375" style="1" customWidth="1"/>
    <col min="12557" max="12800" width="9" style="1"/>
    <col min="12801" max="12801" width="1" style="1" customWidth="1"/>
    <col min="12802" max="12802" width="2.33203125" style="1" customWidth="1"/>
    <col min="12803" max="12803" width="2.6640625" style="1" customWidth="1"/>
    <col min="12804" max="12804" width="22.6640625" style="1" customWidth="1"/>
    <col min="12805" max="12805" width="8.33203125" style="1" customWidth="1"/>
    <col min="12806" max="12812" width="9.109375" style="1" customWidth="1"/>
    <col min="12813" max="13056" width="9" style="1"/>
    <col min="13057" max="13057" width="1" style="1" customWidth="1"/>
    <col min="13058" max="13058" width="2.33203125" style="1" customWidth="1"/>
    <col min="13059" max="13059" width="2.6640625" style="1" customWidth="1"/>
    <col min="13060" max="13060" width="22.6640625" style="1" customWidth="1"/>
    <col min="13061" max="13061" width="8.33203125" style="1" customWidth="1"/>
    <col min="13062" max="13068" width="9.109375" style="1" customWidth="1"/>
    <col min="13069" max="13312" width="9" style="1"/>
    <col min="13313" max="13313" width="1" style="1" customWidth="1"/>
    <col min="13314" max="13314" width="2.33203125" style="1" customWidth="1"/>
    <col min="13315" max="13315" width="2.6640625" style="1" customWidth="1"/>
    <col min="13316" max="13316" width="22.6640625" style="1" customWidth="1"/>
    <col min="13317" max="13317" width="8.33203125" style="1" customWidth="1"/>
    <col min="13318" max="13324" width="9.109375" style="1" customWidth="1"/>
    <col min="13325" max="13568" width="9" style="1"/>
    <col min="13569" max="13569" width="1" style="1" customWidth="1"/>
    <col min="13570" max="13570" width="2.33203125" style="1" customWidth="1"/>
    <col min="13571" max="13571" width="2.6640625" style="1" customWidth="1"/>
    <col min="13572" max="13572" width="22.6640625" style="1" customWidth="1"/>
    <col min="13573" max="13573" width="8.33203125" style="1" customWidth="1"/>
    <col min="13574" max="13580" width="9.109375" style="1" customWidth="1"/>
    <col min="13581" max="13824" width="9" style="1"/>
    <col min="13825" max="13825" width="1" style="1" customWidth="1"/>
    <col min="13826" max="13826" width="2.33203125" style="1" customWidth="1"/>
    <col min="13827" max="13827" width="2.6640625" style="1" customWidth="1"/>
    <col min="13828" max="13828" width="22.6640625" style="1" customWidth="1"/>
    <col min="13829" max="13829" width="8.33203125" style="1" customWidth="1"/>
    <col min="13830" max="13836" width="9.109375" style="1" customWidth="1"/>
    <col min="13837" max="14080" width="9" style="1"/>
    <col min="14081" max="14081" width="1" style="1" customWidth="1"/>
    <col min="14082" max="14082" width="2.33203125" style="1" customWidth="1"/>
    <col min="14083" max="14083" width="2.6640625" style="1" customWidth="1"/>
    <col min="14084" max="14084" width="22.6640625" style="1" customWidth="1"/>
    <col min="14085" max="14085" width="8.33203125" style="1" customWidth="1"/>
    <col min="14086" max="14092" width="9.109375" style="1" customWidth="1"/>
    <col min="14093" max="14336" width="9" style="1"/>
    <col min="14337" max="14337" width="1" style="1" customWidth="1"/>
    <col min="14338" max="14338" width="2.33203125" style="1" customWidth="1"/>
    <col min="14339" max="14339" width="2.6640625" style="1" customWidth="1"/>
    <col min="14340" max="14340" width="22.6640625" style="1" customWidth="1"/>
    <col min="14341" max="14341" width="8.33203125" style="1" customWidth="1"/>
    <col min="14342" max="14348" width="9.109375" style="1" customWidth="1"/>
    <col min="14349" max="14592" width="9" style="1"/>
    <col min="14593" max="14593" width="1" style="1" customWidth="1"/>
    <col min="14594" max="14594" width="2.33203125" style="1" customWidth="1"/>
    <col min="14595" max="14595" width="2.6640625" style="1" customWidth="1"/>
    <col min="14596" max="14596" width="22.6640625" style="1" customWidth="1"/>
    <col min="14597" max="14597" width="8.33203125" style="1" customWidth="1"/>
    <col min="14598" max="14604" width="9.109375" style="1" customWidth="1"/>
    <col min="14605" max="14848" width="9" style="1"/>
    <col min="14849" max="14849" width="1" style="1" customWidth="1"/>
    <col min="14850" max="14850" width="2.33203125" style="1" customWidth="1"/>
    <col min="14851" max="14851" width="2.6640625" style="1" customWidth="1"/>
    <col min="14852" max="14852" width="22.6640625" style="1" customWidth="1"/>
    <col min="14853" max="14853" width="8.33203125" style="1" customWidth="1"/>
    <col min="14854" max="14860" width="9.109375" style="1" customWidth="1"/>
    <col min="14861" max="15104" width="9" style="1"/>
    <col min="15105" max="15105" width="1" style="1" customWidth="1"/>
    <col min="15106" max="15106" width="2.33203125" style="1" customWidth="1"/>
    <col min="15107" max="15107" width="2.6640625" style="1" customWidth="1"/>
    <col min="15108" max="15108" width="22.6640625" style="1" customWidth="1"/>
    <col min="15109" max="15109" width="8.33203125" style="1" customWidth="1"/>
    <col min="15110" max="15116" width="9.109375" style="1" customWidth="1"/>
    <col min="15117" max="15360" width="9" style="1"/>
    <col min="15361" max="15361" width="1" style="1" customWidth="1"/>
    <col min="15362" max="15362" width="2.33203125" style="1" customWidth="1"/>
    <col min="15363" max="15363" width="2.6640625" style="1" customWidth="1"/>
    <col min="15364" max="15364" width="22.6640625" style="1" customWidth="1"/>
    <col min="15365" max="15365" width="8.33203125" style="1" customWidth="1"/>
    <col min="15366" max="15372" width="9.109375" style="1" customWidth="1"/>
    <col min="15373" max="15616" width="9" style="1"/>
    <col min="15617" max="15617" width="1" style="1" customWidth="1"/>
    <col min="15618" max="15618" width="2.33203125" style="1" customWidth="1"/>
    <col min="15619" max="15619" width="2.6640625" style="1" customWidth="1"/>
    <col min="15620" max="15620" width="22.6640625" style="1" customWidth="1"/>
    <col min="15621" max="15621" width="8.33203125" style="1" customWidth="1"/>
    <col min="15622" max="15628" width="9.109375" style="1" customWidth="1"/>
    <col min="15629" max="15872" width="9" style="1"/>
    <col min="15873" max="15873" width="1" style="1" customWidth="1"/>
    <col min="15874" max="15874" width="2.33203125" style="1" customWidth="1"/>
    <col min="15875" max="15875" width="2.6640625" style="1" customWidth="1"/>
    <col min="15876" max="15876" width="22.6640625" style="1" customWidth="1"/>
    <col min="15877" max="15877" width="8.33203125" style="1" customWidth="1"/>
    <col min="15878" max="15884" width="9.109375" style="1" customWidth="1"/>
    <col min="15885" max="16128" width="9" style="1"/>
    <col min="16129" max="16129" width="1" style="1" customWidth="1"/>
    <col min="16130" max="16130" width="2.33203125" style="1" customWidth="1"/>
    <col min="16131" max="16131" width="2.6640625" style="1" customWidth="1"/>
    <col min="16132" max="16132" width="22.6640625" style="1" customWidth="1"/>
    <col min="16133" max="16133" width="8.33203125" style="1" customWidth="1"/>
    <col min="16134" max="16140" width="9.109375" style="1" customWidth="1"/>
    <col min="16141" max="16384" width="9" style="1"/>
  </cols>
  <sheetData>
    <row r="1" spans="2:20" x14ac:dyDescent="0.2">
      <c r="B1" s="1" t="s">
        <v>26</v>
      </c>
    </row>
    <row r="2" spans="2:20" ht="18.75" customHeight="1" x14ac:dyDescent="0.2">
      <c r="B2" s="112" t="s">
        <v>22</v>
      </c>
      <c r="C2" s="112"/>
      <c r="D2" s="112"/>
      <c r="E2" s="112"/>
      <c r="F2" s="112"/>
      <c r="G2" s="112"/>
      <c r="H2" s="112"/>
      <c r="I2" s="112"/>
      <c r="J2" s="112"/>
      <c r="K2" s="112"/>
      <c r="L2" s="112"/>
    </row>
    <row r="3" spans="2:20" ht="10.5" customHeight="1" x14ac:dyDescent="0.2"/>
    <row r="4" spans="2:20" x14ac:dyDescent="0.2">
      <c r="B4" s="8" t="s">
        <v>0</v>
      </c>
      <c r="C4" s="9"/>
      <c r="D4" s="10" t="s">
        <v>1</v>
      </c>
    </row>
    <row r="5" spans="2:20" ht="6" customHeight="1" thickBot="1" x14ac:dyDescent="0.25">
      <c r="D5" s="3"/>
    </row>
    <row r="6" spans="2:20" ht="21.75" customHeight="1" x14ac:dyDescent="0.2">
      <c r="B6" s="4"/>
      <c r="C6" s="137" t="s">
        <v>39</v>
      </c>
      <c r="D6" s="138"/>
      <c r="E6" s="113"/>
      <c r="F6" s="114"/>
      <c r="G6" s="114"/>
      <c r="H6" s="114"/>
      <c r="I6" s="114"/>
      <c r="J6" s="114"/>
      <c r="K6" s="114"/>
      <c r="L6" s="115"/>
    </row>
    <row r="7" spans="2:20" ht="21.75" customHeight="1" x14ac:dyDescent="0.2">
      <c r="B7" s="4"/>
      <c r="C7" s="139" t="s">
        <v>40</v>
      </c>
      <c r="D7" s="140"/>
      <c r="E7" s="116"/>
      <c r="F7" s="117"/>
      <c r="G7" s="117"/>
      <c r="H7" s="117"/>
      <c r="I7" s="117"/>
      <c r="J7" s="117"/>
      <c r="K7" s="117"/>
      <c r="L7" s="118"/>
    </row>
    <row r="8" spans="2:20" ht="21.75" customHeight="1" thickBot="1" x14ac:dyDescent="0.25">
      <c r="B8" s="4"/>
      <c r="C8" s="141" t="s">
        <v>41</v>
      </c>
      <c r="D8" s="142"/>
      <c r="E8" s="119"/>
      <c r="F8" s="120"/>
      <c r="G8" s="120"/>
      <c r="H8" s="120"/>
      <c r="I8" s="120"/>
      <c r="J8" s="120"/>
      <c r="K8" s="120"/>
      <c r="L8" s="121"/>
    </row>
    <row r="9" spans="2:20" ht="16.5" customHeight="1" x14ac:dyDescent="0.2">
      <c r="B9" s="5"/>
      <c r="C9" s="5"/>
    </row>
    <row r="10" spans="2:20" x14ac:dyDescent="0.2">
      <c r="B10" s="11" t="s">
        <v>2</v>
      </c>
      <c r="C10" s="12"/>
      <c r="D10" s="10" t="s">
        <v>3</v>
      </c>
    </row>
    <row r="11" spans="2:20" ht="6.75" customHeight="1" thickBot="1" x14ac:dyDescent="0.25">
      <c r="B11" s="5"/>
      <c r="C11" s="5"/>
    </row>
    <row r="12" spans="2:20" ht="21.75" customHeight="1" x14ac:dyDescent="0.2">
      <c r="B12" s="106"/>
      <c r="C12" s="122" t="s">
        <v>4</v>
      </c>
      <c r="D12" s="124" t="s">
        <v>25</v>
      </c>
      <c r="E12" s="28" t="s">
        <v>6</v>
      </c>
      <c r="F12" s="132"/>
      <c r="G12" s="133"/>
      <c r="H12" s="30" t="s">
        <v>23</v>
      </c>
      <c r="I12" s="126" t="s">
        <v>24</v>
      </c>
      <c r="J12" s="128">
        <f>F12+F13</f>
        <v>0</v>
      </c>
      <c r="K12" s="128"/>
      <c r="L12" s="130" t="s">
        <v>23</v>
      </c>
      <c r="M12" s="26"/>
    </row>
    <row r="13" spans="2:20" ht="21.75" customHeight="1" x14ac:dyDescent="0.2">
      <c r="B13" s="106"/>
      <c r="C13" s="123"/>
      <c r="D13" s="125"/>
      <c r="E13" s="29" t="s">
        <v>7</v>
      </c>
      <c r="F13" s="134"/>
      <c r="G13" s="135"/>
      <c r="H13" s="31" t="s">
        <v>23</v>
      </c>
      <c r="I13" s="127"/>
      <c r="J13" s="129"/>
      <c r="K13" s="129"/>
      <c r="L13" s="131"/>
    </row>
    <row r="14" spans="2:20" ht="21.75" customHeight="1" x14ac:dyDescent="0.2">
      <c r="B14" s="5"/>
      <c r="C14" s="146" t="s">
        <v>8</v>
      </c>
      <c r="D14" s="149" t="s">
        <v>9</v>
      </c>
      <c r="E14" s="152" t="s">
        <v>30</v>
      </c>
      <c r="F14" s="16" t="s">
        <v>31</v>
      </c>
      <c r="G14" s="22"/>
      <c r="H14" s="17" t="s">
        <v>29</v>
      </c>
      <c r="I14" s="152" t="s">
        <v>33</v>
      </c>
      <c r="J14" s="19" t="s">
        <v>27</v>
      </c>
      <c r="K14" s="21"/>
      <c r="L14" s="25" t="s">
        <v>29</v>
      </c>
    </row>
    <row r="15" spans="2:20" ht="21.75" customHeight="1" x14ac:dyDescent="0.2">
      <c r="B15" s="5"/>
      <c r="C15" s="147"/>
      <c r="D15" s="150"/>
      <c r="E15" s="153"/>
      <c r="F15" s="18" t="s">
        <v>32</v>
      </c>
      <c r="G15" s="68"/>
      <c r="H15" s="63"/>
      <c r="I15" s="153"/>
      <c r="J15" s="20" t="s">
        <v>28</v>
      </c>
      <c r="K15" s="62"/>
      <c r="L15" s="69"/>
      <c r="T15" s="27"/>
    </row>
    <row r="16" spans="2:20" ht="21.75" customHeight="1" x14ac:dyDescent="0.2">
      <c r="B16" s="5"/>
      <c r="C16" s="147"/>
      <c r="D16" s="150"/>
      <c r="E16" s="153"/>
      <c r="F16" s="154" t="s">
        <v>50</v>
      </c>
      <c r="G16" s="62"/>
      <c r="H16" s="63"/>
      <c r="I16" s="153"/>
      <c r="J16" s="56" t="s">
        <v>37</v>
      </c>
      <c r="K16" s="58"/>
      <c r="L16" s="59"/>
    </row>
    <row r="17" spans="2:12" ht="21.75" customHeight="1" x14ac:dyDescent="0.2">
      <c r="B17" s="14"/>
      <c r="C17" s="147"/>
      <c r="D17" s="150"/>
      <c r="E17" s="153"/>
      <c r="F17" s="155"/>
      <c r="G17" s="64"/>
      <c r="H17" s="65"/>
      <c r="I17" s="153"/>
      <c r="J17" s="57"/>
      <c r="K17" s="60"/>
      <c r="L17" s="61"/>
    </row>
    <row r="18" spans="2:12" ht="21.75" customHeight="1" x14ac:dyDescent="0.2">
      <c r="B18" s="5"/>
      <c r="C18" s="148"/>
      <c r="D18" s="151"/>
      <c r="E18" s="153"/>
      <c r="F18" s="155"/>
      <c r="G18" s="66"/>
      <c r="H18" s="67"/>
      <c r="I18" s="153"/>
      <c r="J18" s="57"/>
      <c r="K18" s="60"/>
      <c r="L18" s="61"/>
    </row>
    <row r="19" spans="2:12" ht="27" customHeight="1" x14ac:dyDescent="0.2">
      <c r="B19" s="5"/>
      <c r="C19" s="41" t="s">
        <v>35</v>
      </c>
      <c r="D19" s="42"/>
      <c r="E19" s="42"/>
      <c r="F19" s="38" t="s">
        <v>49</v>
      </c>
      <c r="G19" s="39"/>
      <c r="H19" s="39"/>
      <c r="I19" s="39"/>
      <c r="J19" s="39"/>
      <c r="K19" s="39"/>
      <c r="L19" s="40"/>
    </row>
    <row r="20" spans="2:12" ht="21.75" customHeight="1" x14ac:dyDescent="0.2">
      <c r="B20" s="5"/>
      <c r="C20" s="53" t="s">
        <v>38</v>
      </c>
      <c r="D20" s="54"/>
      <c r="E20" s="54"/>
      <c r="F20" s="54"/>
      <c r="G20" s="54"/>
      <c r="H20" s="54"/>
      <c r="I20" s="54"/>
      <c r="J20" s="54"/>
      <c r="K20" s="54"/>
      <c r="L20" s="55"/>
    </row>
    <row r="21" spans="2:12" ht="21.75" customHeight="1" x14ac:dyDescent="0.2">
      <c r="B21" s="106"/>
      <c r="C21" s="88" t="s">
        <v>48</v>
      </c>
      <c r="D21" s="89"/>
      <c r="E21" s="107">
        <f>SUM(H22:H23,K22)</f>
        <v>0</v>
      </c>
      <c r="F21" s="108" t="s">
        <v>10</v>
      </c>
      <c r="G21" s="109" t="s">
        <v>5</v>
      </c>
      <c r="H21" s="110"/>
      <c r="I21" s="110"/>
      <c r="J21" s="110"/>
      <c r="K21" s="110"/>
      <c r="L21" s="111"/>
    </row>
    <row r="22" spans="2:12" ht="21.75" customHeight="1" x14ac:dyDescent="0.2">
      <c r="B22" s="106"/>
      <c r="C22" s="90"/>
      <c r="D22" s="91"/>
      <c r="E22" s="107"/>
      <c r="F22" s="108"/>
      <c r="G22" s="15" t="s">
        <v>11</v>
      </c>
      <c r="H22" s="13"/>
      <c r="I22" s="23" t="s">
        <v>10</v>
      </c>
      <c r="J22" s="15" t="s">
        <v>12</v>
      </c>
      <c r="K22" s="13"/>
      <c r="L22" s="34" t="s">
        <v>10</v>
      </c>
    </row>
    <row r="23" spans="2:12" ht="21.75" customHeight="1" x14ac:dyDescent="0.2">
      <c r="B23" s="106"/>
      <c r="C23" s="92"/>
      <c r="D23" s="93"/>
      <c r="E23" s="107"/>
      <c r="F23" s="108"/>
      <c r="G23" s="15" t="s">
        <v>13</v>
      </c>
      <c r="H23" s="13"/>
      <c r="I23" s="23" t="s">
        <v>10</v>
      </c>
      <c r="J23" s="32" t="s">
        <v>46</v>
      </c>
      <c r="K23" s="35"/>
      <c r="L23" s="33" t="s">
        <v>47</v>
      </c>
    </row>
    <row r="24" spans="2:12" ht="27" customHeight="1" x14ac:dyDescent="0.2">
      <c r="B24" s="5"/>
      <c r="C24" s="43" t="s">
        <v>14</v>
      </c>
      <c r="D24" s="44"/>
      <c r="E24" s="94" t="s">
        <v>15</v>
      </c>
      <c r="F24" s="95"/>
      <c r="G24" s="95"/>
      <c r="H24" s="95"/>
      <c r="I24" s="95"/>
      <c r="J24" s="95"/>
      <c r="K24" s="95"/>
      <c r="L24" s="96"/>
    </row>
    <row r="25" spans="2:12" ht="21.75" customHeight="1" x14ac:dyDescent="0.2">
      <c r="B25" s="77"/>
      <c r="C25" s="45" t="s">
        <v>16</v>
      </c>
      <c r="D25" s="46"/>
      <c r="E25" s="79"/>
      <c r="F25" s="80"/>
      <c r="G25" s="80"/>
      <c r="H25" s="80"/>
      <c r="I25" s="80"/>
      <c r="J25" s="80"/>
      <c r="K25" s="80"/>
      <c r="L25" s="81"/>
    </row>
    <row r="26" spans="2:12" ht="21.75" customHeight="1" x14ac:dyDescent="0.2">
      <c r="B26" s="77"/>
      <c r="C26" s="47"/>
      <c r="D26" s="48"/>
      <c r="E26" s="79"/>
      <c r="F26" s="80"/>
      <c r="G26" s="80"/>
      <c r="H26" s="80"/>
      <c r="I26" s="80"/>
      <c r="J26" s="80"/>
      <c r="K26" s="80"/>
      <c r="L26" s="81"/>
    </row>
    <row r="27" spans="2:12" ht="21.75" customHeight="1" x14ac:dyDescent="0.2">
      <c r="B27" s="77"/>
      <c r="C27" s="45" t="s">
        <v>17</v>
      </c>
      <c r="D27" s="46"/>
      <c r="E27" s="79"/>
      <c r="F27" s="82"/>
      <c r="G27" s="82"/>
      <c r="H27" s="82"/>
      <c r="I27" s="82"/>
      <c r="J27" s="82"/>
      <c r="K27" s="82"/>
      <c r="L27" s="83"/>
    </row>
    <row r="28" spans="2:12" ht="21.75" customHeight="1" x14ac:dyDescent="0.2">
      <c r="B28" s="77"/>
      <c r="C28" s="49"/>
      <c r="D28" s="50"/>
      <c r="E28" s="84"/>
      <c r="F28" s="82"/>
      <c r="G28" s="82"/>
      <c r="H28" s="82"/>
      <c r="I28" s="82"/>
      <c r="J28" s="82"/>
      <c r="K28" s="82"/>
      <c r="L28" s="83"/>
    </row>
    <row r="29" spans="2:12" ht="21.75" customHeight="1" x14ac:dyDescent="0.2">
      <c r="B29" s="77"/>
      <c r="C29" s="51"/>
      <c r="D29" s="52"/>
      <c r="E29" s="85"/>
      <c r="F29" s="86"/>
      <c r="G29" s="86"/>
      <c r="H29" s="86"/>
      <c r="I29" s="86"/>
      <c r="J29" s="86"/>
      <c r="K29" s="86"/>
      <c r="L29" s="87"/>
    </row>
    <row r="30" spans="2:12" ht="21.75" customHeight="1" x14ac:dyDescent="0.2">
      <c r="B30" s="77"/>
      <c r="C30" s="53" t="s">
        <v>36</v>
      </c>
      <c r="D30" s="54"/>
      <c r="E30" s="54"/>
      <c r="F30" s="54"/>
      <c r="G30" s="54"/>
      <c r="H30" s="54"/>
      <c r="I30" s="54"/>
      <c r="J30" s="54"/>
      <c r="K30" s="54"/>
      <c r="L30" s="55"/>
    </row>
    <row r="31" spans="2:12" ht="46.8" customHeight="1" x14ac:dyDescent="0.2">
      <c r="B31" s="77"/>
      <c r="C31" s="43" t="s">
        <v>51</v>
      </c>
      <c r="D31" s="44"/>
      <c r="E31" s="36" t="s">
        <v>52</v>
      </c>
      <c r="F31" s="36"/>
      <c r="G31" s="36"/>
      <c r="H31" s="36"/>
      <c r="I31" s="36"/>
      <c r="J31" s="36"/>
      <c r="K31" s="36"/>
      <c r="L31" s="37"/>
    </row>
    <row r="32" spans="2:12" ht="27" customHeight="1" x14ac:dyDescent="0.2">
      <c r="B32" s="78"/>
      <c r="C32" s="43" t="s">
        <v>18</v>
      </c>
      <c r="D32" s="44"/>
      <c r="E32" s="94" t="s">
        <v>15</v>
      </c>
      <c r="F32" s="95"/>
      <c r="G32" s="95"/>
      <c r="H32" s="95"/>
      <c r="I32" s="95"/>
      <c r="J32" s="95"/>
      <c r="K32" s="95"/>
      <c r="L32" s="96"/>
    </row>
    <row r="33" spans="2:18" ht="21.75" customHeight="1" x14ac:dyDescent="0.2">
      <c r="B33" s="78"/>
      <c r="C33" s="45" t="s">
        <v>19</v>
      </c>
      <c r="D33" s="46"/>
      <c r="E33" s="97"/>
      <c r="F33" s="98"/>
      <c r="G33" s="98"/>
      <c r="H33" s="98"/>
      <c r="I33" s="98"/>
      <c r="J33" s="98"/>
      <c r="K33" s="98"/>
      <c r="L33" s="99"/>
    </row>
    <row r="34" spans="2:18" ht="21.75" customHeight="1" x14ac:dyDescent="0.2">
      <c r="B34" s="78"/>
      <c r="C34" s="49"/>
      <c r="D34" s="50"/>
      <c r="E34" s="100"/>
      <c r="F34" s="101"/>
      <c r="G34" s="101"/>
      <c r="H34" s="101"/>
      <c r="I34" s="101"/>
      <c r="J34" s="101"/>
      <c r="K34" s="101"/>
      <c r="L34" s="102"/>
      <c r="R34" s="24"/>
    </row>
    <row r="35" spans="2:18" ht="21.75" customHeight="1" x14ac:dyDescent="0.2">
      <c r="B35" s="6"/>
      <c r="C35" s="51"/>
      <c r="D35" s="52"/>
      <c r="E35" s="103"/>
      <c r="F35" s="104"/>
      <c r="G35" s="104"/>
      <c r="H35" s="104"/>
      <c r="I35" s="104"/>
      <c r="J35" s="104"/>
      <c r="K35" s="104"/>
      <c r="L35" s="105"/>
    </row>
    <row r="36" spans="2:18" ht="21.75" customHeight="1" x14ac:dyDescent="0.2">
      <c r="B36" s="6"/>
      <c r="C36" s="143" t="s">
        <v>42</v>
      </c>
      <c r="D36" s="144"/>
      <c r="E36" s="144"/>
      <c r="F36" s="144"/>
      <c r="G36" s="144"/>
      <c r="H36" s="144"/>
      <c r="I36" s="144"/>
      <c r="J36" s="144"/>
      <c r="K36" s="144"/>
      <c r="L36" s="145"/>
    </row>
    <row r="37" spans="2:18" ht="27" customHeight="1" x14ac:dyDescent="0.2">
      <c r="B37" s="6"/>
      <c r="C37" s="45" t="s">
        <v>43</v>
      </c>
      <c r="D37" s="46"/>
      <c r="E37" s="94" t="s">
        <v>15</v>
      </c>
      <c r="F37" s="95"/>
      <c r="G37" s="95"/>
      <c r="H37" s="95"/>
      <c r="I37" s="95"/>
      <c r="J37" s="95"/>
      <c r="K37" s="95"/>
      <c r="L37" s="96"/>
    </row>
    <row r="38" spans="2:18" ht="21.75" customHeight="1" x14ac:dyDescent="0.2">
      <c r="B38" s="7"/>
      <c r="C38" s="45" t="s">
        <v>44</v>
      </c>
      <c r="D38" s="46"/>
      <c r="E38" s="156"/>
      <c r="F38" s="156"/>
      <c r="G38" s="156"/>
      <c r="H38" s="156"/>
      <c r="I38" s="156"/>
      <c r="J38" s="156"/>
      <c r="K38" s="156"/>
      <c r="L38" s="157"/>
    </row>
    <row r="39" spans="2:18" ht="21.75" customHeight="1" x14ac:dyDescent="0.2">
      <c r="B39" s="5"/>
      <c r="C39" s="49"/>
      <c r="D39" s="50"/>
      <c r="E39" s="156"/>
      <c r="F39" s="156"/>
      <c r="G39" s="156"/>
      <c r="H39" s="156"/>
      <c r="I39" s="156"/>
      <c r="J39" s="156"/>
      <c r="K39" s="156"/>
      <c r="L39" s="157"/>
    </row>
    <row r="40" spans="2:18" ht="21.75" customHeight="1" x14ac:dyDescent="0.2">
      <c r="B40" s="5"/>
      <c r="C40" s="45" t="s">
        <v>45</v>
      </c>
      <c r="D40" s="46"/>
      <c r="E40" s="70"/>
      <c r="F40" s="71"/>
      <c r="G40" s="71"/>
      <c r="H40" s="71"/>
      <c r="I40" s="71"/>
      <c r="J40" s="71"/>
      <c r="K40" s="71"/>
      <c r="L40" s="72"/>
    </row>
    <row r="41" spans="2:18" ht="21.75" customHeight="1" x14ac:dyDescent="0.2">
      <c r="C41" s="49"/>
      <c r="D41" s="50"/>
      <c r="E41" s="71"/>
      <c r="F41" s="71"/>
      <c r="G41" s="71"/>
      <c r="H41" s="71"/>
      <c r="I41" s="71"/>
      <c r="J41" s="71"/>
      <c r="K41" s="71"/>
      <c r="L41" s="72"/>
    </row>
    <row r="42" spans="2:18" ht="21.75" customHeight="1" x14ac:dyDescent="0.2">
      <c r="C42" s="49"/>
      <c r="D42" s="50"/>
      <c r="E42" s="71"/>
      <c r="F42" s="71"/>
      <c r="G42" s="71"/>
      <c r="H42" s="71"/>
      <c r="I42" s="71"/>
      <c r="J42" s="71"/>
      <c r="K42" s="71"/>
      <c r="L42" s="72"/>
    </row>
    <row r="43" spans="2:18" ht="27" customHeight="1" thickBot="1" x14ac:dyDescent="0.25">
      <c r="C43" s="75" t="s">
        <v>20</v>
      </c>
      <c r="D43" s="76"/>
      <c r="E43" s="73" t="s">
        <v>21</v>
      </c>
      <c r="F43" s="73"/>
      <c r="G43" s="73"/>
      <c r="H43" s="73"/>
      <c r="I43" s="73"/>
      <c r="J43" s="73"/>
      <c r="K43" s="73"/>
      <c r="L43" s="74"/>
    </row>
    <row r="44" spans="2:18" ht="26.4" customHeight="1" x14ac:dyDescent="0.2">
      <c r="C44" s="136" t="s">
        <v>34</v>
      </c>
      <c r="D44" s="136"/>
      <c r="E44" s="136"/>
    </row>
  </sheetData>
  <mergeCells count="56">
    <mergeCell ref="C44:E44"/>
    <mergeCell ref="C6:D6"/>
    <mergeCell ref="C7:D7"/>
    <mergeCell ref="C8:D8"/>
    <mergeCell ref="C30:L30"/>
    <mergeCell ref="C31:D31"/>
    <mergeCell ref="C32:D32"/>
    <mergeCell ref="C33:D35"/>
    <mergeCell ref="C36:L36"/>
    <mergeCell ref="C14:C18"/>
    <mergeCell ref="D14:D18"/>
    <mergeCell ref="E14:E18"/>
    <mergeCell ref="I14:I18"/>
    <mergeCell ref="F16:F18"/>
    <mergeCell ref="E24:L24"/>
    <mergeCell ref="E38:L39"/>
    <mergeCell ref="B2:L2"/>
    <mergeCell ref="E6:L6"/>
    <mergeCell ref="E7:L7"/>
    <mergeCell ref="E8:L8"/>
    <mergeCell ref="B12:B13"/>
    <mergeCell ref="C12:C13"/>
    <mergeCell ref="D12:D13"/>
    <mergeCell ref="I12:I13"/>
    <mergeCell ref="J12:K13"/>
    <mergeCell ref="L12:L13"/>
    <mergeCell ref="F12:G12"/>
    <mergeCell ref="F13:G13"/>
    <mergeCell ref="B25:B34"/>
    <mergeCell ref="E25:L26"/>
    <mergeCell ref="E27:L29"/>
    <mergeCell ref="C21:D23"/>
    <mergeCell ref="E37:L37"/>
    <mergeCell ref="E32:L32"/>
    <mergeCell ref="E33:L35"/>
    <mergeCell ref="B21:B23"/>
    <mergeCell ref="E21:E23"/>
    <mergeCell ref="F21:F23"/>
    <mergeCell ref="G21:L21"/>
    <mergeCell ref="E40:L42"/>
    <mergeCell ref="E43:L43"/>
    <mergeCell ref="C37:D37"/>
    <mergeCell ref="C38:D39"/>
    <mergeCell ref="C40:D42"/>
    <mergeCell ref="C43:D43"/>
    <mergeCell ref="J16:J18"/>
    <mergeCell ref="K16:L18"/>
    <mergeCell ref="G16:H18"/>
    <mergeCell ref="G15:H15"/>
    <mergeCell ref="K15:L15"/>
    <mergeCell ref="F19:L19"/>
    <mergeCell ref="C19:E19"/>
    <mergeCell ref="C24:D24"/>
    <mergeCell ref="C25:D26"/>
    <mergeCell ref="C27:D29"/>
    <mergeCell ref="C20:L20"/>
  </mergeCells>
  <phoneticPr fontId="1"/>
  <conditionalFormatting sqref="E21:E23">
    <cfRule type="cellIs" dxfId="1" priority="1" operator="equal">
      <formula>0</formula>
    </cfRule>
  </conditionalFormatting>
  <conditionalFormatting sqref="J12:K13">
    <cfRule type="cellIs" dxfId="0" priority="2" operator="equal">
      <formula>0</formula>
    </cfRule>
  </conditionalFormatting>
  <dataValidations count="2">
    <dataValidation type="list" allowBlank="1" showInputMessage="1" showErrorMessage="1" sqref="G15:H15" xr:uid="{00000000-0002-0000-0000-000000000000}">
      <formula1>"高度急性期,急性期"</formula1>
    </dataValidation>
    <dataValidation type="list" allowBlank="1" showInputMessage="1" showErrorMessage="1" sqref="K23" xr:uid="{00000000-0002-0000-0000-000001000000}">
      <formula1>"0,1"</formula1>
    </dataValidation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4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別紙１</vt:lpstr>
      <vt:lpstr>様式１別紙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3-11T02:10:29Z</cp:lastPrinted>
  <dcterms:created xsi:type="dcterms:W3CDTF">1997-01-08T22:48:59Z</dcterms:created>
  <dcterms:modified xsi:type="dcterms:W3CDTF">2026-03-11T09:21:39Z</dcterms:modified>
</cp:coreProperties>
</file>